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03571\Desktop\子ども・子育て支援課_20190821\ファイル名変更\"/>
    </mc:Choice>
  </mc:AlternateContent>
  <bookViews>
    <workbookView xWindow="0" yWindow="0" windowWidth="14010" windowHeight="4410"/>
  </bookViews>
  <sheets>
    <sheet name="akachan_20190401" sheetId="1" r:id="rId1"/>
  </sheets>
  <definedNames>
    <definedName name="_xlnm._FilterDatabase" localSheetId="0" hidden="1">akachan_20190401!$A$1:$Q$494</definedName>
  </definedNames>
  <calcPr calcId="0"/>
</workbook>
</file>

<file path=xl/sharedStrings.xml><?xml version="1.0" encoding="utf-8"?>
<sst xmlns="http://schemas.openxmlformats.org/spreadsheetml/2006/main" count="6498" uniqueCount="2049">
  <si>
    <t>施設名</t>
  </si>
  <si>
    <t>郵便番号</t>
  </si>
  <si>
    <t>所在地</t>
  </si>
  <si>
    <t>エリア</t>
  </si>
  <si>
    <t>電話番号</t>
  </si>
  <si>
    <t>定休日</t>
  </si>
  <si>
    <t>利用可能時間</t>
  </si>
  <si>
    <t>HP アドレス</t>
  </si>
  <si>
    <t>おむつ替えの設備</t>
  </si>
  <si>
    <t>トイレに乳幼児を座らせる設備</t>
  </si>
  <si>
    <t>授乳ができる設備</t>
  </si>
  <si>
    <t>調乳用の設備</t>
  </si>
  <si>
    <t>手洗い設備</t>
  </si>
  <si>
    <t>駐車場</t>
  </si>
  <si>
    <t>経度</t>
  </si>
  <si>
    <t>緯度</t>
  </si>
  <si>
    <t>一畑薬師</t>
  </si>
  <si>
    <t>691-0074</t>
  </si>
  <si>
    <t>島根県出雲市小境町８０３</t>
  </si>
  <si>
    <t>出雲</t>
  </si>
  <si>
    <t>0853-67-0111</t>
  </si>
  <si>
    <t>年中無休</t>
  </si>
  <si>
    <t>8:30～17:30</t>
  </si>
  <si>
    <t>http://ichibata.jp</t>
  </si>
  <si>
    <t>◯</t>
  </si>
  <si>
    <t>×</t>
  </si>
  <si>
    <t>ゆめタウン浜田</t>
  </si>
  <si>
    <t>697-0052</t>
  </si>
  <si>
    <t>島根県浜田市港町２２７－１</t>
  </si>
  <si>
    <t>浜田</t>
  </si>
  <si>
    <t>0855-23-7700</t>
  </si>
  <si>
    <t>9:00～22:00</t>
  </si>
  <si>
    <t>ピュア・ドゥ</t>
  </si>
  <si>
    <t>698-0023</t>
  </si>
  <si>
    <t>島根県益田市常盤町５－５</t>
  </si>
  <si>
    <t>益田</t>
  </si>
  <si>
    <t>0856-24-0190</t>
  </si>
  <si>
    <t>10:00～18:30</t>
  </si>
  <si>
    <t>http://pure-do.ocnk.net/</t>
  </si>
  <si>
    <t>TSデザイン</t>
  </si>
  <si>
    <t>697-0035</t>
  </si>
  <si>
    <t>島根県浜田市杉戸町２３２８番地７</t>
  </si>
  <si>
    <t>0855-23-2345</t>
  </si>
  <si>
    <t>平日：9:00～17:00、土・日・祝：10:00～16:00</t>
  </si>
  <si>
    <t>道の駅酒蔵奥出雲交流館</t>
  </si>
  <si>
    <t>699-1701</t>
  </si>
  <si>
    <t>島根県仁多郡奥出雲町亀嵩１３８０番地１</t>
  </si>
  <si>
    <t>雲南</t>
  </si>
  <si>
    <t>0854-57-0888</t>
  </si>
  <si>
    <t>http://www.okuizumosyuzou.com/</t>
  </si>
  <si>
    <t>島根県運転免許センター</t>
  </si>
  <si>
    <t>690-0131</t>
  </si>
  <si>
    <t>島根県松江市打出町２５０番地１</t>
  </si>
  <si>
    <t>松江</t>
  </si>
  <si>
    <t>0852-36-7400</t>
  </si>
  <si>
    <t>土曜日</t>
  </si>
  <si>
    <t>8:30～17:15</t>
  </si>
  <si>
    <t>島根県立八雲立つ風土記の丘</t>
  </si>
  <si>
    <t>690-0033</t>
  </si>
  <si>
    <t>島根県松江市大庭町４５６</t>
  </si>
  <si>
    <t>0852-23-2485</t>
  </si>
  <si>
    <t>火曜日</t>
  </si>
  <si>
    <t>9:00～17:00</t>
  </si>
  <si>
    <t>https://www.yakumotatu-fudokinooka.jp</t>
  </si>
  <si>
    <t>島根県民会館</t>
  </si>
  <si>
    <t>690-0887</t>
  </si>
  <si>
    <t>島根県松江市殿町１５８番地</t>
  </si>
  <si>
    <t>0852-22-5506</t>
  </si>
  <si>
    <t>第２、４土曜日（祝日の場合は開館）12/29～1/3</t>
  </si>
  <si>
    <t>http://www.civichall.pref.shimane.jp/hall/</t>
  </si>
  <si>
    <t>浜田市立石正美術館</t>
  </si>
  <si>
    <t>699-3225</t>
  </si>
  <si>
    <t>島根県浜田市三隅町古市場５８９</t>
  </si>
  <si>
    <t>0855-32-4388</t>
  </si>
  <si>
    <t>月曜日(祝日の場合開館、翌平日休館)、年末年始</t>
  </si>
  <si>
    <t>http://www.sekisho-art-museum.jp</t>
  </si>
  <si>
    <t>１００満ボルト出雲店</t>
  </si>
  <si>
    <t>693-0051</t>
  </si>
  <si>
    <t>島根県出雲市小山町４６８番地４</t>
  </si>
  <si>
    <t>0853-20-0801</t>
  </si>
  <si>
    <t>10:00～20:00</t>
  </si>
  <si>
    <t>道の駅インフォメーションセンターかわもと</t>
  </si>
  <si>
    <t>696-0003</t>
  </si>
  <si>
    <t>島根県邑智郡川本町因原５０５－５</t>
  </si>
  <si>
    <t>大田</t>
  </si>
  <si>
    <t>0855-72-1111</t>
  </si>
  <si>
    <t>年末(12/31)年始(1/1)</t>
  </si>
  <si>
    <t>24h</t>
  </si>
  <si>
    <t>http://www.plus-max.com/</t>
  </si>
  <si>
    <t>道の駅津和野温泉なごみの里</t>
  </si>
  <si>
    <t>699-5613</t>
  </si>
  <si>
    <t>島根県鹿足郡津和野町鷲原イ２５６番地</t>
  </si>
  <si>
    <t>0856-72-4122</t>
  </si>
  <si>
    <t>9:00～21:00</t>
  </si>
  <si>
    <t>http://www.nagomi-nosato.com</t>
  </si>
  <si>
    <t>和鋼博物館</t>
  </si>
  <si>
    <t>692-0011</t>
  </si>
  <si>
    <t>島根県安来市安来町１０５８番地</t>
  </si>
  <si>
    <t>0854-23-2500</t>
  </si>
  <si>
    <t>水曜日</t>
  </si>
  <si>
    <t>http://www.wakou-museum.gr.jp</t>
  </si>
  <si>
    <t>大田ファミリーデパートパル</t>
  </si>
  <si>
    <t>694-0064</t>
  </si>
  <si>
    <t>島根県大田市大田町大田イ４１１番地</t>
  </si>
  <si>
    <t>0854-82-6600</t>
  </si>
  <si>
    <t>年間７日（不定期）</t>
  </si>
  <si>
    <t>9:30～20:00</t>
  </si>
  <si>
    <t>道の駅本庄</t>
  </si>
  <si>
    <t>690-1114</t>
  </si>
  <si>
    <t>島根県松江市野原町４０１－８</t>
  </si>
  <si>
    <t>0852-34-1528</t>
  </si>
  <si>
    <t>常時利用可能</t>
  </si>
  <si>
    <t>足立美術館</t>
  </si>
  <si>
    <t>692-0064</t>
  </si>
  <si>
    <t>島根県安来市古川町３２０</t>
  </si>
  <si>
    <t>0854-28-7111</t>
  </si>
  <si>
    <t>４月～９月9:00～17:30、１０月～３月9:00～17:00</t>
  </si>
  <si>
    <t>http://www.adachi-museum.or.jp/</t>
  </si>
  <si>
    <t>島根県芸術文化センター「グラントワ」</t>
  </si>
  <si>
    <t>698-0022</t>
  </si>
  <si>
    <t>島根県益田市有明町５－１５</t>
  </si>
  <si>
    <t>0856-31-1860</t>
  </si>
  <si>
    <t>毎月第２・４火曜日、年末年始（火曜日が祝日の場合は、その翌日以降の最初の休日でない日）</t>
  </si>
  <si>
    <t>9:00～18:30</t>
  </si>
  <si>
    <t>http://www.grandtoit.jp/</t>
  </si>
  <si>
    <t>島根県西部運転免許センター</t>
  </si>
  <si>
    <t>697-0015</t>
  </si>
  <si>
    <t>島根県浜田市竹迫町２３８５－３</t>
  </si>
  <si>
    <t>0855-23-7900</t>
  </si>
  <si>
    <t>島根県中山間地域研究センター</t>
  </si>
  <si>
    <t>690-3405</t>
  </si>
  <si>
    <t>島根県飯石郡飯南町上来島１２０７</t>
  </si>
  <si>
    <t>0854-76-3806</t>
  </si>
  <si>
    <t>http://www.pref.shimane.lg.jp/chusankan/</t>
  </si>
  <si>
    <t>大田市生涯学習センター・仁摩図書館</t>
  </si>
  <si>
    <t>699-2301</t>
  </si>
  <si>
    <t>島根県大田市仁摩町仁万５６５－１</t>
  </si>
  <si>
    <t>0854-88-4646</t>
  </si>
  <si>
    <t>火曜日、祝日、月末</t>
  </si>
  <si>
    <t>10:00～18:00</t>
  </si>
  <si>
    <t>http://www.city.ohda.lg.jp/125.html</t>
  </si>
  <si>
    <t>大田市中央図書館</t>
  </si>
  <si>
    <t>島根県大田市大田町大田イ１１３－２</t>
  </si>
  <si>
    <t>0854-84-9200</t>
  </si>
  <si>
    <t>火曜日、祝日、月末、年末年始</t>
  </si>
  <si>
    <t>平日10:00～19:00、土日10:00～18:00</t>
  </si>
  <si>
    <t>松江勤労者総合福祉センター（テルサ）</t>
  </si>
  <si>
    <t>690-0003</t>
  </si>
  <si>
    <t>島根県松江市朝日町４７８－１８</t>
  </si>
  <si>
    <t>0852-31-5550</t>
  </si>
  <si>
    <t>8:30～22:00</t>
  </si>
  <si>
    <t>http://www.sanbg.com/terrsa</t>
  </si>
  <si>
    <t>株式会社ホンダカーズ石見</t>
  </si>
  <si>
    <t>698-0041</t>
  </si>
  <si>
    <t>島根県益田市高津６丁目２８番２２号</t>
  </si>
  <si>
    <t>0856-22-3060</t>
  </si>
  <si>
    <t>9:00～19:00</t>
  </si>
  <si>
    <t>http://primo.honda.co.jp/iwami/</t>
  </si>
  <si>
    <t>横田ショッピングセンター</t>
  </si>
  <si>
    <t>699-1822</t>
  </si>
  <si>
    <t>島根県仁多郡奥出雲町下横田８４番地</t>
  </si>
  <si>
    <t>0854-52-3300</t>
  </si>
  <si>
    <t>第２水曜日、元旦</t>
  </si>
  <si>
    <t>10:00～19:00</t>
  </si>
  <si>
    <t>いきいきプラザ島根</t>
  </si>
  <si>
    <t>690-0011</t>
  </si>
  <si>
    <t>島根県松江市東津田町１７４１－３</t>
  </si>
  <si>
    <t>0852-32-5911</t>
  </si>
  <si>
    <t>第４土曜日、年末年始</t>
  </si>
  <si>
    <t>8:00～21:00</t>
  </si>
  <si>
    <t>http://ikiiki-shimane.jp/</t>
  </si>
  <si>
    <t>ネッツトヨタ島根（株）松江店</t>
  </si>
  <si>
    <t>690-0017</t>
  </si>
  <si>
    <t>島根県松江市西津田二丁目１４番１６号</t>
  </si>
  <si>
    <t>0852-25-1111</t>
  </si>
  <si>
    <t>月曜日</t>
  </si>
  <si>
    <t>9:30～18:30</t>
  </si>
  <si>
    <t>道の駅キララ多伎</t>
  </si>
  <si>
    <t>699-0902</t>
  </si>
  <si>
    <t>島根県出雲市多伎町多岐１３５－１</t>
  </si>
  <si>
    <t>0853-86-9080</t>
  </si>
  <si>
    <t>不定休</t>
  </si>
  <si>
    <t>http://www.kirara-taki.co.jp/</t>
  </si>
  <si>
    <t>県立産業流会館（くにびきメッセ）</t>
  </si>
  <si>
    <t>690-0826</t>
  </si>
  <si>
    <t>島根県松江市学園南１丁目２番１号</t>
  </si>
  <si>
    <t>0852-24-1111</t>
  </si>
  <si>
    <t>年末年始（12/29～1/3）</t>
  </si>
  <si>
    <t>7:00～</t>
  </si>
  <si>
    <t>http://www.kunibikimesse.jp/</t>
  </si>
  <si>
    <t>矢上交流センター</t>
  </si>
  <si>
    <t>696-0101</t>
  </si>
  <si>
    <t>島根県邑智郡邑南町矢上３８３５－４</t>
  </si>
  <si>
    <t>0855-95-1044</t>
  </si>
  <si>
    <t>土、日、祝日</t>
  </si>
  <si>
    <t>しまねお魚センター</t>
  </si>
  <si>
    <t>697-0017</t>
  </si>
  <si>
    <t>島根県浜田市原井町３０５０－４６</t>
  </si>
  <si>
    <t>0855-23-5500</t>
  </si>
  <si>
    <t>http://www.galilei.ne.jp/accessjsea/simaneo/</t>
  </si>
  <si>
    <t>荒神谷博物館</t>
  </si>
  <si>
    <t>699-0503</t>
  </si>
  <si>
    <t>島根県出雲市斐川町神庭８７３番地８</t>
  </si>
  <si>
    <t>0853-72-9044</t>
  </si>
  <si>
    <t>火曜日（展示室）、年末年始</t>
  </si>
  <si>
    <t>9:00～16:30</t>
  </si>
  <si>
    <t>http://www.kojindani.jp</t>
  </si>
  <si>
    <t>島根ワイナリー試飲即売館「バッカス」</t>
  </si>
  <si>
    <t>699-0733</t>
  </si>
  <si>
    <t>島根県出雲市大社町菱根２６４番地２</t>
  </si>
  <si>
    <t>0853-53-5577</t>
  </si>
  <si>
    <t>なし</t>
  </si>
  <si>
    <t>9:30～17:00</t>
  </si>
  <si>
    <t>http://www.shimane-winery.jp</t>
  </si>
  <si>
    <t>ホンダカーズ島根東　黒田店</t>
  </si>
  <si>
    <t>690-0876</t>
  </si>
  <si>
    <t>島根県松江市黒田町４３４番地１</t>
  </si>
  <si>
    <t>0852-59-9650</t>
  </si>
  <si>
    <t>9:30～19:00</t>
  </si>
  <si>
    <t>江津市総合市民センター</t>
  </si>
  <si>
    <t>695-0011</t>
  </si>
  <si>
    <t>島根県江津市江津町１１１０－１７</t>
  </si>
  <si>
    <t>0855-52-2155</t>
  </si>
  <si>
    <t>http://www7.ocn.ne.jp/~milky-wh/</t>
  </si>
  <si>
    <t>ひらた子育て支援センター</t>
  </si>
  <si>
    <t>691-0001</t>
  </si>
  <si>
    <t>島根県出雲市平田町２１１２－１</t>
  </si>
  <si>
    <t>0853-63-3129</t>
  </si>
  <si>
    <t>金曜日</t>
  </si>
  <si>
    <t>9:30～16:30</t>
  </si>
  <si>
    <t>http://www.city.izumo.shimane.jp/icity/browser?ActionCode=content&amp;ContentID=1230075970225&amp;SiteID=0</t>
  </si>
  <si>
    <t>出雲市役所平田支所</t>
  </si>
  <si>
    <t>島根県出雲市平田町９５１－１</t>
  </si>
  <si>
    <t>0853-63-3111</t>
  </si>
  <si>
    <t>土・日・祝祭日</t>
  </si>
  <si>
    <t>http://www.city.izumo.shimane.jp/</t>
  </si>
  <si>
    <t>斐川中央公民館</t>
  </si>
  <si>
    <t>699-0502</t>
  </si>
  <si>
    <t>島根県出雲市斐川町荘原町２１６６番地１</t>
  </si>
  <si>
    <t>0853-73-9180</t>
  </si>
  <si>
    <t>12/30～1/4</t>
  </si>
  <si>
    <t>http://www.town.hikawa.shimane.jp</t>
  </si>
  <si>
    <t>益田石油株式会社　東町給油所</t>
  </si>
  <si>
    <t>698-0004</t>
  </si>
  <si>
    <t>島根県益田市東町１０－４</t>
  </si>
  <si>
    <t>0856-22-1188</t>
  </si>
  <si>
    <t>7:00～21:00</t>
  </si>
  <si>
    <t>益田石油株式会社　緑ヶ丘給油所</t>
  </si>
  <si>
    <t>島根県益田市高津八丁目１２－１７</t>
  </si>
  <si>
    <t>0856-22-0038</t>
  </si>
  <si>
    <t>益田石油株式会社　中吉田給油所</t>
  </si>
  <si>
    <t>698-0042</t>
  </si>
  <si>
    <t>島根県益田市中吉田町２２５－１</t>
  </si>
  <si>
    <t>7:00～22:00</t>
  </si>
  <si>
    <t>ビッグハート出雲</t>
  </si>
  <si>
    <t>693-0008</t>
  </si>
  <si>
    <t>島根県出雲市駅南町１丁目５番地</t>
  </si>
  <si>
    <t>0853-20-2888</t>
  </si>
  <si>
    <t>第１月曜日、年末年始</t>
  </si>
  <si>
    <t>8:30～</t>
  </si>
  <si>
    <t>ゆめタウン出雲</t>
  </si>
  <si>
    <t>693-0063</t>
  </si>
  <si>
    <t>島根県出雲市大塚町６５０－１</t>
  </si>
  <si>
    <t>0853-24-4555</t>
  </si>
  <si>
    <t>9:30～22:00</t>
  </si>
  <si>
    <t>http://10.255.4.85/youmetown/izumo/indx.html</t>
  </si>
  <si>
    <t>フジキ田和山店</t>
  </si>
  <si>
    <t>690-0058</t>
  </si>
  <si>
    <t>島根県松江市田和山町８５</t>
  </si>
  <si>
    <t>0852-25-1251</t>
  </si>
  <si>
    <t>1/1～1/3</t>
  </si>
  <si>
    <t>http://mondawa.jp/</t>
  </si>
  <si>
    <t>島根原子力館</t>
  </si>
  <si>
    <t>690-0332</t>
  </si>
  <si>
    <t>島根県松江市鹿島町佐陀本郷２９５５</t>
  </si>
  <si>
    <t>0852-82-3055</t>
  </si>
  <si>
    <t>火曜日（変更の場合あり）、12/29～1/3</t>
  </si>
  <si>
    <t>http://www.energia.co.jp/atom/atom14.html</t>
  </si>
  <si>
    <t>有限会社和光電気商会</t>
  </si>
  <si>
    <t>690-0041</t>
  </si>
  <si>
    <t>島根県松江市幸町８２８</t>
  </si>
  <si>
    <t>0852-21-4202</t>
  </si>
  <si>
    <t>日曜日</t>
  </si>
  <si>
    <t>9:00～18:00</t>
  </si>
  <si>
    <t>町立桜ヶ台保育所</t>
  </si>
  <si>
    <t>690-3207</t>
  </si>
  <si>
    <t>島根県飯石郡飯南町頓原1,426</t>
  </si>
  <si>
    <t>0854-72-0237</t>
  </si>
  <si>
    <t>土（PM）日・祝祭日</t>
  </si>
  <si>
    <t>8:00～16:00</t>
  </si>
  <si>
    <t>町立来島保育所</t>
  </si>
  <si>
    <t>島根県飯石郡飯南町野萱774番地2</t>
  </si>
  <si>
    <t>0854-76-3287</t>
  </si>
  <si>
    <t>飯南町保健福祉センター</t>
  </si>
  <si>
    <t>島根県飯石郡飯南町下赤名890</t>
  </si>
  <si>
    <t>0854-72-1770</t>
  </si>
  <si>
    <t>出雲会館センターボウル</t>
  </si>
  <si>
    <t>693-0004</t>
  </si>
  <si>
    <t>島根県出雲市渡橋町112</t>
  </si>
  <si>
    <t>0853-22-5050</t>
  </si>
  <si>
    <t>10:00～23:00</t>
  </si>
  <si>
    <t>http://www.izumo-centerbowl.com/index.cgi</t>
  </si>
  <si>
    <t>出雲木工(株)リズモ出雲店</t>
  </si>
  <si>
    <t>693-0006</t>
  </si>
  <si>
    <t>島根県出雲市下古志町1650番地</t>
  </si>
  <si>
    <t>0853-22-7360</t>
  </si>
  <si>
    <t>http://www.lizumo.co.jp</t>
  </si>
  <si>
    <t>ギフティスミカワ</t>
  </si>
  <si>
    <t>島根県出雲市渡橋町1051番地1</t>
  </si>
  <si>
    <t>0853-21-3232</t>
  </si>
  <si>
    <t>フジキ学園通り店</t>
  </si>
  <si>
    <t>690-0825</t>
  </si>
  <si>
    <t>島根県松江市学園2丁目23-25</t>
  </si>
  <si>
    <t>0852-31-8000</t>
  </si>
  <si>
    <t>1/1、2・その他会社指定日</t>
  </si>
  <si>
    <t>g　air</t>
  </si>
  <si>
    <t>690-0823</t>
  </si>
  <si>
    <t>島根県松江市西川津町774-27</t>
  </si>
  <si>
    <t>0852-27-5151</t>
  </si>
  <si>
    <t>月曜第3日曜</t>
  </si>
  <si>
    <t>9:30～7:00</t>
  </si>
  <si>
    <t>長浜ラーメン博多屋松江店</t>
  </si>
  <si>
    <t>690-0055</t>
  </si>
  <si>
    <t>島根県松江市津田町松江境328-1</t>
  </si>
  <si>
    <t>0852-25-7622</t>
  </si>
  <si>
    <t>11:30～25:30</t>
  </si>
  <si>
    <t>www.hakataya.org</t>
  </si>
  <si>
    <t>ビューティスタジオ美山（ナリス化粧品）</t>
  </si>
  <si>
    <t>690-0822</t>
  </si>
  <si>
    <t>島根県松江市下東川津町160-8</t>
  </si>
  <si>
    <t>0852-28-5358</t>
  </si>
  <si>
    <t>ネッツトヨタ山陰（株）松江学園店</t>
  </si>
  <si>
    <t>島根県松江市学園1丁目17番40号</t>
  </si>
  <si>
    <t>0852-26-4646</t>
  </si>
  <si>
    <t>9:30～18:00</t>
  </si>
  <si>
    <t>http://www.netz-sanin.jp</t>
  </si>
  <si>
    <t>ふれあいの街プラーナ</t>
  </si>
  <si>
    <t>島根県安来市安来町761番地4</t>
  </si>
  <si>
    <t>0854-23-1111</t>
  </si>
  <si>
    <t>無し</t>
  </si>
  <si>
    <t>10:00～22:00</t>
  </si>
  <si>
    <t>つどいの広場</t>
  </si>
  <si>
    <t>692-0023</t>
  </si>
  <si>
    <t>島根県安来市黒井田町160の7</t>
  </si>
  <si>
    <t>0854-23-7050</t>
  </si>
  <si>
    <t>5/2,4,5,８/１３，１４，１５，年末年始</t>
  </si>
  <si>
    <t>9:00～16:00</t>
  </si>
  <si>
    <t>フジキ本部</t>
  </si>
  <si>
    <t>699-0193</t>
  </si>
  <si>
    <t>島根県松江市東出雲町意宇南2-1-1</t>
  </si>
  <si>
    <t>0852-61-1241</t>
  </si>
  <si>
    <t>1/1、2・日曜日、祝日・その他会社指定日</t>
  </si>
  <si>
    <t>松本歯科医院</t>
  </si>
  <si>
    <t>島根県松江市西川津町4282-1</t>
  </si>
  <si>
    <t>0852-20-6810</t>
  </si>
  <si>
    <t>日曜日、祝日</t>
  </si>
  <si>
    <t>月、水、金10:00～20:00、火、木、土9:00～18:30</t>
  </si>
  <si>
    <t>www.shiroi-ha.net</t>
  </si>
  <si>
    <t>廻鮮かぐら寿し</t>
  </si>
  <si>
    <t>島根県益田市高津町7-5-7</t>
  </si>
  <si>
    <t>0856-22-2215</t>
  </si>
  <si>
    <t>毎週火曜日</t>
  </si>
  <si>
    <t>11:00～14:00,17:00～21:00</t>
  </si>
  <si>
    <t>道の駅湯の川</t>
  </si>
  <si>
    <t>699-0501</t>
  </si>
  <si>
    <t>島根県出雲市斐川町学頭825の2</t>
  </si>
  <si>
    <t>0853-73-9327</t>
  </si>
  <si>
    <t>http://www.tokusan-hikawa.co.jp/</t>
  </si>
  <si>
    <t>有限会社えんまん亭</t>
  </si>
  <si>
    <t>島根県出雲市天神町74-2</t>
  </si>
  <si>
    <t>0853-30-7713</t>
  </si>
  <si>
    <t>平日</t>
  </si>
  <si>
    <t>平日17:30～24:00祝日土日16:00～24:00</t>
  </si>
  <si>
    <t>http://www.izumo-net.ne.jp/~enmantei/</t>
  </si>
  <si>
    <t>Ｔ・ジョイ出雲</t>
  </si>
  <si>
    <t>島根県出雲市大塚町650-1ゆめタウン74番地2</t>
  </si>
  <si>
    <t>0853-24-6113</t>
  </si>
  <si>
    <t>www.t-joy.net</t>
  </si>
  <si>
    <t>出雲市立海辺の多伎図書館</t>
  </si>
  <si>
    <t>699-0903</t>
  </si>
  <si>
    <t>島根県出雲市多伎町小田73番地１</t>
  </si>
  <si>
    <t>0853-86-7077</t>
  </si>
  <si>
    <t>午前10時～午後７時</t>
  </si>
  <si>
    <t>つくし保育園</t>
  </si>
  <si>
    <t>697-0311</t>
  </si>
  <si>
    <t>島根県浜田市佐野町イ３５９－５</t>
  </si>
  <si>
    <t>0855-42-0565</t>
  </si>
  <si>
    <t>てんぞ</t>
  </si>
  <si>
    <t>699-0624</t>
  </si>
  <si>
    <t>島根県出雲市斐川町上直江3315</t>
  </si>
  <si>
    <t>0853-72-2052</t>
  </si>
  <si>
    <t>11:30～14:00.17:30～22:30</t>
  </si>
  <si>
    <t>人形のはなふさ出雲店</t>
  </si>
  <si>
    <t>島根県出雲市渡橋町990</t>
  </si>
  <si>
    <t>0853-24-3355</t>
  </si>
  <si>
    <t>ドコモショップ松江田和山店</t>
  </si>
  <si>
    <t>島根県松江市田和山町１１９番地</t>
  </si>
  <si>
    <t>0852-60-5760</t>
  </si>
  <si>
    <t>（有）いっしょに子育て研究所</t>
  </si>
  <si>
    <t>島根県松江市西津田二丁目９-４</t>
  </si>
  <si>
    <t>0852-25-2225</t>
  </si>
  <si>
    <t>木・日・祝</t>
  </si>
  <si>
    <t>10:00～17:00</t>
  </si>
  <si>
    <t>http://www.coso-ken.co.jp</t>
  </si>
  <si>
    <t>人形のはなふさ松江店</t>
  </si>
  <si>
    <t>690-0015</t>
  </si>
  <si>
    <t>島根県松江市上乃木町３丁目18-1</t>
  </si>
  <si>
    <t>0852-31-3355</t>
  </si>
  <si>
    <t>http://www.n.hanafusa.co.jp/</t>
  </si>
  <si>
    <t>ベビー＆キッズ　raum</t>
  </si>
  <si>
    <t>693-0002</t>
  </si>
  <si>
    <t>島根県出雲市今市町北本町5-4-14</t>
  </si>
  <si>
    <t>0853-31-8366</t>
  </si>
  <si>
    <t>（株）いない出雲ドｰム東店</t>
  </si>
  <si>
    <t>693-0065</t>
  </si>
  <si>
    <t>島根県出雲市平野町300</t>
  </si>
  <si>
    <t>0853-24-0171</t>
  </si>
  <si>
    <t>元旦</t>
  </si>
  <si>
    <t>7:30～20:00</t>
  </si>
  <si>
    <t>http://www.inai-hc.co.jp</t>
  </si>
  <si>
    <t>（株）いない大田店</t>
  </si>
  <si>
    <t>694-0041</t>
  </si>
  <si>
    <t>島根県大田市長久町長久40-1</t>
  </si>
  <si>
    <t>08548-2-5611</t>
  </si>
  <si>
    <t>8:00～20:00</t>
  </si>
  <si>
    <t>ラーメン茶屋てまり</t>
  </si>
  <si>
    <t>690-0884</t>
  </si>
  <si>
    <t>島根県松江市黒田町469-2</t>
  </si>
  <si>
    <t>0852-27-4600</t>
  </si>
  <si>
    <t>無休</t>
  </si>
  <si>
    <t>11:00～22:00</t>
  </si>
  <si>
    <t>カラコロ工房</t>
  </si>
  <si>
    <t>島根県松江市殿町43番地</t>
  </si>
  <si>
    <t>0852-20-7000</t>
  </si>
  <si>
    <t>フジキ安来店</t>
  </si>
  <si>
    <t>島根県安来市安来町771-5</t>
  </si>
  <si>
    <t>0854-22-1600</t>
  </si>
  <si>
    <t>1/1、2・その他会社の指定日</t>
  </si>
  <si>
    <t>れすとらんココット</t>
  </si>
  <si>
    <t>699-2305</t>
  </si>
  <si>
    <t>島根県大田市仁摩町天河内711－１</t>
  </si>
  <si>
    <t>0854-88-3042</t>
  </si>
  <si>
    <t>8:30～20：30</t>
  </si>
  <si>
    <t>ヘアｰズフｰシャン</t>
  </si>
  <si>
    <t>690-0014</t>
  </si>
  <si>
    <t>島根県松江市八雲台２丁目1-31</t>
  </si>
  <si>
    <t>0852-32-7706</t>
  </si>
  <si>
    <t>月曜･第1火曜･第3日曜</t>
  </si>
  <si>
    <t>フジキ出雲店</t>
  </si>
  <si>
    <t>島根県出雲市平野町295-1</t>
  </si>
  <si>
    <t>0853-21-8000</t>
  </si>
  <si>
    <t>出雲市立ひかわ図書館</t>
  </si>
  <si>
    <t>699-0631</t>
  </si>
  <si>
    <t>島根県出雲市斐川町直江4156</t>
  </si>
  <si>
    <t>0853-73-3990</t>
  </si>
  <si>
    <t>月曜、毎月末</t>
  </si>
  <si>
    <t>http://izumolib.icv.ne.jp</t>
  </si>
  <si>
    <t>ウエルネス黒田店</t>
  </si>
  <si>
    <t>島根県松江市黒田町454-1</t>
  </si>
  <si>
    <t>0852-60-0330</t>
  </si>
  <si>
    <t>ウエルネス春日店</t>
  </si>
  <si>
    <t>690-0877</t>
  </si>
  <si>
    <t>島根県松江市春日町5-2</t>
  </si>
  <si>
    <t>0852-20-1555</t>
  </si>
  <si>
    <t>一畑百貨店</t>
  </si>
  <si>
    <t>島根県松江市朝日町661</t>
  </si>
  <si>
    <t>0852-55-2612</t>
  </si>
  <si>
    <t>日曜</t>
  </si>
  <si>
    <t>http://www.ichibata.co.jp/dept/</t>
  </si>
  <si>
    <t>島根県立図書館</t>
  </si>
  <si>
    <t>690-0873</t>
  </si>
  <si>
    <t>島根県松江市内中原町52</t>
  </si>
  <si>
    <t>0852-22-5725</t>
  </si>
  <si>
    <t>月曜日、第一週木曜日、年末年始</t>
  </si>
  <si>
    <t>３月～10月:9:00～19:00、11月～2月9:00～18:00、※土、日、休日は9:00～17:00</t>
  </si>
  <si>
    <t>まめなが一番館</t>
  </si>
  <si>
    <t>699-0505</t>
  </si>
  <si>
    <t>島根県出雲市斐川町上庄原1760番地１</t>
  </si>
  <si>
    <t>0853-73-7375</t>
  </si>
  <si>
    <t>土日、祝日、年末年始</t>
  </si>
  <si>
    <t>9:00～17：00</t>
  </si>
  <si>
    <t>http://www.town.hikawa.lg.jp/www/contents/</t>
  </si>
  <si>
    <t>イオン松江店</t>
  </si>
  <si>
    <t>690-8530</t>
  </si>
  <si>
    <t>松江市東朝日町151番地</t>
  </si>
  <si>
    <t>0852-32-2127</t>
  </si>
  <si>
    <t>https://www.aeon.com/store/イオン/イオン松江店</t>
  </si>
  <si>
    <t>島根県庁本庁舎</t>
  </si>
  <si>
    <t>690-8501</t>
  </si>
  <si>
    <t>松江市殿町1番地</t>
  </si>
  <si>
    <t>0852-22-5046</t>
  </si>
  <si>
    <t>土日、祝祭日</t>
  </si>
  <si>
    <t>http://www.pref.shimane.lg.jp./kanzai</t>
  </si>
  <si>
    <t>島根県庁第二分庁舎</t>
  </si>
  <si>
    <t>松江市殿町2番地</t>
  </si>
  <si>
    <t>島根県庁第三庁舎</t>
  </si>
  <si>
    <t>島根県庁南庁舎</t>
  </si>
  <si>
    <t>松江市殿町8番地</t>
  </si>
  <si>
    <t>島根県庁東庁舎</t>
  </si>
  <si>
    <t>松江市殿町128番地</t>
  </si>
  <si>
    <t>島根県立美術館</t>
  </si>
  <si>
    <t>690-0049</t>
  </si>
  <si>
    <t>島根県松江市袖師町1-5</t>
  </si>
  <si>
    <t>0852-55-4700</t>
  </si>
  <si>
    <t>毎週火曜日、12/28～1/1</t>
  </si>
  <si>
    <t>10月～2月　10:00～18:30　　3月～9月　10:00～日没後30分</t>
  </si>
  <si>
    <t>https://www.shimane-art-museum.jp</t>
  </si>
  <si>
    <t>島根県立青少年の家</t>
  </si>
  <si>
    <t>島根県出雲市小境町1991-2</t>
  </si>
  <si>
    <t>0853-69-1316</t>
  </si>
  <si>
    <t>毎週:月曜日（６～９月を除く）年末年始</t>
  </si>
  <si>
    <t>https://www.pref.shimane.lg.jp/seishonennoie/</t>
  </si>
  <si>
    <t>島根県浜田合同庁舎</t>
  </si>
  <si>
    <t>697-0041</t>
  </si>
  <si>
    <t>島根県浜田市片庭町254</t>
  </si>
  <si>
    <t>0855-29-5528</t>
  </si>
  <si>
    <t>毎週土日、祝日、年末年始</t>
  </si>
  <si>
    <t>医療法人　仁寿会</t>
  </si>
  <si>
    <t>696-0001</t>
  </si>
  <si>
    <t>島根県邑智郡川本町川本大字川本383-1</t>
  </si>
  <si>
    <t>0855-72-0640</t>
  </si>
  <si>
    <t>毎週土、日、祝日、盆、年末年始</t>
  </si>
  <si>
    <t>8:00~17:00</t>
  </si>
  <si>
    <t>http://www.k-jinju.or.jp</t>
  </si>
  <si>
    <t>島根県大田集合庁舎</t>
  </si>
  <si>
    <t>島根県大田市大田町大田イ1-3</t>
  </si>
  <si>
    <t>0854-84-9725</t>
  </si>
  <si>
    <t>http://www.pref.shimane.lg.jp</t>
  </si>
  <si>
    <t>島根県立古代出雲歴史博物館</t>
  </si>
  <si>
    <t>699-0701</t>
  </si>
  <si>
    <t>島根県出雲市大社町杵築東99番地4</t>
  </si>
  <si>
    <t>0853-53-8600</t>
  </si>
  <si>
    <t>第3火曜日_x000D_
※令和元年11月18日（月）～令和2年4月23日（木）は、メンテナンスのため休館します。</t>
  </si>
  <si>
    <t>9:00～18:00（11～2月は17:00まで）</t>
  </si>
  <si>
    <t>https://www.izm.ed.jp/</t>
  </si>
  <si>
    <t>協同組合東出雲ショッピングパーク　アイパルテ</t>
  </si>
  <si>
    <t>699-0110</t>
  </si>
  <si>
    <t>島根県松江市東出雲町錦新町8-1-3</t>
  </si>
  <si>
    <t>0852-52-7601</t>
  </si>
  <si>
    <t>10:00～21:00</t>
  </si>
  <si>
    <t>島根県隠岐合同庁舎</t>
  </si>
  <si>
    <t>685-8601</t>
  </si>
  <si>
    <t>隠岐郡隠岐の島町港町塩口24</t>
  </si>
  <si>
    <t>隠岐</t>
  </si>
  <si>
    <t>08512-2-9797</t>
  </si>
  <si>
    <t>島根県隠岐島前集合庁舎</t>
  </si>
  <si>
    <t>隠岐郡西ノ島町大字別府飯田56-17</t>
  </si>
  <si>
    <t>08512-7-9100</t>
  </si>
  <si>
    <t>http://www.pref.shimane.lg.jp./oki_kemmin/</t>
  </si>
  <si>
    <t>島根県中央児童相談所</t>
  </si>
  <si>
    <t>島根県松江市西川津町3090-1</t>
  </si>
  <si>
    <t>0852-21-3168</t>
  </si>
  <si>
    <t>土曜、日曜、祝日、年末年始</t>
  </si>
  <si>
    <t>http://www.pref.shimane.lg.jp/chuojiso</t>
  </si>
  <si>
    <t>テクノアークしまね</t>
  </si>
  <si>
    <t>690-0816</t>
  </si>
  <si>
    <t>島根県松江市北陵町１番地</t>
  </si>
  <si>
    <t>0852-60-5111</t>
  </si>
  <si>
    <t>http://www.techno-arc-shimane.jp/</t>
  </si>
  <si>
    <t>出雲空港</t>
  </si>
  <si>
    <t>699-0551</t>
  </si>
  <si>
    <t>島根県出雲市斐川町沖洲2633-1</t>
  </si>
  <si>
    <t>0853-72-7501</t>
  </si>
  <si>
    <t>6:30～20:30</t>
  </si>
  <si>
    <t>http://www.izumo-airport.co.jp/</t>
  </si>
  <si>
    <t>萩・石見空港</t>
  </si>
  <si>
    <t>698-0051</t>
  </si>
  <si>
    <t>島根県益田市内田町イ597（石見空港）</t>
  </si>
  <si>
    <t>0856-24-0010</t>
  </si>
  <si>
    <t>http://hagiiwami.jp/</t>
  </si>
  <si>
    <t>島根県浜田児童相談所</t>
  </si>
  <si>
    <t>697-0005</t>
  </si>
  <si>
    <t>島根県浜田市上府町イ2591</t>
  </si>
  <si>
    <t>0855-28-3560</t>
  </si>
  <si>
    <t>http://www.pref.shimane.lg.jp/hamadajiso</t>
  </si>
  <si>
    <t>上田歯科医院</t>
  </si>
  <si>
    <t>島根県松江市殿町１０２</t>
  </si>
  <si>
    <t>0852-21-2798</t>
  </si>
  <si>
    <t>診療時間内</t>
  </si>
  <si>
    <t>島根県立男女共同参画センターあすてらす</t>
  </si>
  <si>
    <t>島根県大田市大田町大田イ236番地4</t>
  </si>
  <si>
    <t>0854-84-5500</t>
  </si>
  <si>
    <t>毎週月曜日、祝日、12/29～1/3</t>
  </si>
  <si>
    <t>　9:00～19:00</t>
  </si>
  <si>
    <t>http://www.asuterasu.pref.shimane.jp</t>
  </si>
  <si>
    <t>悠邑ふるさと会館</t>
  </si>
  <si>
    <t>島根県邑智郡川本町川本332-15</t>
  </si>
  <si>
    <t>0855-75-0594</t>
  </si>
  <si>
    <t>http://www.kawamoto-town.jp/yuuyuu</t>
  </si>
  <si>
    <t>しんじ湖ボウル</t>
  </si>
  <si>
    <t>690-0046</t>
  </si>
  <si>
    <t>島根県松江市乃木福富町329</t>
  </si>
  <si>
    <t>0852-24-5461</t>
  </si>
  <si>
    <t>AM10:00～PM11:00</t>
  </si>
  <si>
    <t>http://www.shinjiko-bowl.jp</t>
  </si>
  <si>
    <t>ザ　ダイソー松江　上乃木店</t>
  </si>
  <si>
    <t>島根県松江市上乃木４丁目10-20</t>
  </si>
  <si>
    <t>0852-20-7272</t>
  </si>
  <si>
    <t>AM10:00～PM6:00</t>
  </si>
  <si>
    <t>.</t>
  </si>
  <si>
    <t>らーめん茶屋てまり</t>
  </si>
  <si>
    <t>AM10:00～PM10:00</t>
  </si>
  <si>
    <t>松江月ヶ瀬</t>
  </si>
  <si>
    <t>690-0843</t>
  </si>
  <si>
    <t>島根県松江市末次本町87</t>
  </si>
  <si>
    <t>0852-21-2497</t>
  </si>
  <si>
    <t>益田市立保健センター</t>
  </si>
  <si>
    <t>698-0024</t>
  </si>
  <si>
    <t>島根県益田市駅前町17番1号</t>
  </si>
  <si>
    <t>0856-31-0214</t>
  </si>
  <si>
    <t>12/29～1/3</t>
  </si>
  <si>
    <t>AM8:30～PM10:00</t>
  </si>
  <si>
    <t>.http://www.city.masuda.lg.jp</t>
  </si>
  <si>
    <t>カレーハウスCoCo壱番屋 松江学園通り店</t>
  </si>
  <si>
    <t>島根県松江市学園南2丁目11-27</t>
  </si>
  <si>
    <t>0852-28-0266</t>
  </si>
  <si>
    <t>AM11:00～翌AM2:00</t>
  </si>
  <si>
    <t>.http://www.ichibanya.co.jp</t>
  </si>
  <si>
    <t>出雲市高架下公衆トイレ</t>
  </si>
  <si>
    <t>693-0007</t>
  </si>
  <si>
    <t>島根県出雲市駅北町11番地</t>
  </si>
  <si>
    <t>0853-21-6744</t>
  </si>
  <si>
    <t>　8:00～22:00</t>
  </si>
  <si>
    <t>http://www.citv.izumo.shimane.jp</t>
  </si>
  <si>
    <t>出雲市駅北公衆トイレ多目的トイレ</t>
  </si>
  <si>
    <t>島根県出雲市駅北町2番地3　</t>
  </si>
  <si>
    <t>0853-21-6819</t>
  </si>
  <si>
    <t>24時間</t>
  </si>
  <si>
    <t>http://www.city.izumo.shimane.jp</t>
  </si>
  <si>
    <t>駅ナカ赤ちゃんルーム</t>
  </si>
  <si>
    <t>島根県出雲市駅北町10番3　アトネスいずも内</t>
  </si>
  <si>
    <t>0853-21-1496</t>
  </si>
  <si>
    <t>火曜日、日・祝祭日</t>
  </si>
  <si>
    <t>　10:00～16:30</t>
  </si>
  <si>
    <t>アトネスいずも東館</t>
  </si>
  <si>
    <t>島根県出雲市駅北町10番3　アトネスいずも</t>
  </si>
  <si>
    <t>0853-21-6783</t>
  </si>
  <si>
    <t>火曜日（年間8日間）</t>
  </si>
  <si>
    <t>　10:00～20:00</t>
  </si>
  <si>
    <t>いずも子育て支援センター</t>
  </si>
  <si>
    <t>693-0021</t>
  </si>
  <si>
    <t>島根県出雲市塩冶町641-9</t>
  </si>
  <si>
    <t>0853-21-5772</t>
  </si>
  <si>
    <t>日・祝日・年末年始</t>
  </si>
  <si>
    <t>　9:30～16:00</t>
  </si>
  <si>
    <t>島根トヨペット（株）ショールーム</t>
  </si>
  <si>
    <t>島根県松江市西津田三丁目2番7号</t>
  </si>
  <si>
    <t>0852-21-7000</t>
  </si>
  <si>
    <t>https://shimane.toyopet-dealer.jp/</t>
  </si>
  <si>
    <t>島根トヨペット（株）松江店</t>
  </si>
  <si>
    <t>島根トヨペット（株）雲南店</t>
  </si>
  <si>
    <t>690-2403</t>
  </si>
  <si>
    <t>島根県雲南市三刀屋町下熊谷1784-1</t>
  </si>
  <si>
    <t>0854-45-2321</t>
  </si>
  <si>
    <t>島根トヨペット（株）安来店</t>
  </si>
  <si>
    <t>島根県安来市黒井田町441-1</t>
  </si>
  <si>
    <t>0854-22-4730</t>
  </si>
  <si>
    <t>島根トヨペット（株）大田店</t>
  </si>
  <si>
    <t>694-0051</t>
  </si>
  <si>
    <t>島根県大田市久手町波根西1330-1</t>
  </si>
  <si>
    <t>0854-82-2000</t>
  </si>
  <si>
    <t>さつまﾗｰﾒﾝルート9</t>
  </si>
  <si>
    <t>692-0001</t>
  </si>
  <si>
    <t>島根県安来市赤江町377-1</t>
  </si>
  <si>
    <t>0854-28-8521</t>
  </si>
  <si>
    <t>11:00～21:00</t>
  </si>
  <si>
    <t>梅花亭</t>
  </si>
  <si>
    <t>692-0026</t>
  </si>
  <si>
    <t>島根県安来市吉佐町1037</t>
  </si>
  <si>
    <t>0854-22-2265</t>
  </si>
  <si>
    <t>http://www.baikatei.com</t>
  </si>
  <si>
    <t>学校法人朋和学園育英幼稚園</t>
  </si>
  <si>
    <t>島根県松江市大庭町1197-1</t>
  </si>
  <si>
    <t>0852-23-1981</t>
  </si>
  <si>
    <t>日、祝日</t>
  </si>
  <si>
    <t>9:30～16:00</t>
  </si>
  <si>
    <t>http://www.smile-Ikuei-matsue.ed.jp</t>
  </si>
  <si>
    <t>株式会社フーズマーケットホック山代店</t>
  </si>
  <si>
    <t>690-0031</t>
  </si>
  <si>
    <t>島根県松江市山代町480-1</t>
  </si>
  <si>
    <t>0852-24-2800</t>
  </si>
  <si>
    <t>http://www.fm-hok.com</t>
  </si>
  <si>
    <t>株式会社フーズマーケットホック乃木店</t>
  </si>
  <si>
    <t>690-0044</t>
  </si>
  <si>
    <t>島根県松江市浜乃木6-2-6</t>
  </si>
  <si>
    <t>0852-27-6957</t>
  </si>
  <si>
    <t>9:00～24:00</t>
  </si>
  <si>
    <t>株式会社フーズマーケットホック塩冶店</t>
  </si>
  <si>
    <t>島根県出雲市塩冶町1200</t>
  </si>
  <si>
    <t>0853-23-2377</t>
  </si>
  <si>
    <t>9:00～23:00</t>
  </si>
  <si>
    <t>有限会社サンコープ雲南</t>
  </si>
  <si>
    <t>699-1311</t>
  </si>
  <si>
    <t>島根県雲南市木次町里方1093番地3</t>
  </si>
  <si>
    <t>0854-42-0379</t>
  </si>
  <si>
    <t>ポーラザビューティいずも店</t>
  </si>
  <si>
    <t>693-0001</t>
  </si>
  <si>
    <t>島根県出雲市今市町816-4</t>
  </si>
  <si>
    <t>0853-23-0640</t>
  </si>
  <si>
    <t>祝日</t>
  </si>
  <si>
    <t>ラピタ本店</t>
  </si>
  <si>
    <t>島根県出雲市今市町87番地</t>
  </si>
  <si>
    <t>0853-21-6060</t>
  </si>
  <si>
    <t>ラピタ佐田店</t>
  </si>
  <si>
    <t>693-0506</t>
  </si>
  <si>
    <t>島根県出雲市佐田町反辺1586-12</t>
  </si>
  <si>
    <t>0853-84-0262</t>
  </si>
  <si>
    <t>ラピタみなみ店</t>
  </si>
  <si>
    <t>島根県出雲市塩冶町990</t>
  </si>
  <si>
    <t>0853-22-3733</t>
  </si>
  <si>
    <t>9:30～21:00</t>
  </si>
  <si>
    <t>山陰合同銀行宍道支店</t>
  </si>
  <si>
    <t>699-0401</t>
  </si>
  <si>
    <t>島根県松江市宍道町宍道870番地2</t>
  </si>
  <si>
    <t>0852-66.0236</t>
  </si>
  <si>
    <t>土曜・日曜・祝祭日</t>
  </si>
  <si>
    <t>9:30～15:00</t>
  </si>
  <si>
    <t>山陰合同銀行出雲支店</t>
  </si>
  <si>
    <t>島根県出雲市今市町北本町1丁目2-4</t>
  </si>
  <si>
    <t>0853-21-0540</t>
  </si>
  <si>
    <t>http://www.gogin.co.jp</t>
  </si>
  <si>
    <t>山陰合同銀行出雲資産運用プラザ出張所</t>
  </si>
  <si>
    <t>島根県出雲市今市町1320-1</t>
  </si>
  <si>
    <t>0853-23-2300</t>
  </si>
  <si>
    <t>山陰合同銀行荘原支店</t>
  </si>
  <si>
    <t>島根県出雲市斐川町荘原町747-4</t>
  </si>
  <si>
    <t>0853-72-0635</t>
  </si>
  <si>
    <t>土・日曜日</t>
  </si>
  <si>
    <t>9:00～15:00</t>
  </si>
  <si>
    <t>山陰合同銀行出雲西支店</t>
  </si>
  <si>
    <t>島根県出雲市渡橋町1172-1</t>
  </si>
  <si>
    <t>0853-23-7000</t>
  </si>
  <si>
    <t>土・日・祝日</t>
  </si>
  <si>
    <t>山陰合同銀行知井宮出張所</t>
  </si>
  <si>
    <t>693-0033</t>
  </si>
  <si>
    <t>島根県出雲市知井宮町970番地4</t>
  </si>
  <si>
    <t>0853-25-2345</t>
  </si>
  <si>
    <t>（株）サンキ　美容室アース田和山店</t>
  </si>
  <si>
    <t>島根県松江市田和山町34番地</t>
  </si>
  <si>
    <t>0852-60-9080</t>
  </si>
  <si>
    <t>月～土10:00～19:30&lt;br/&gt;日・祝10:00～19:00</t>
  </si>
  <si>
    <t>ヘアカラーカフェ松江学園店</t>
  </si>
  <si>
    <t>島根県松江市学園２丁目33-1</t>
  </si>
  <si>
    <t>0852-24-0955</t>
  </si>
  <si>
    <t>（株）サンキ　美容室ボブヘアー大田店</t>
  </si>
  <si>
    <t>島根県大田市長久町長久ロ264-3</t>
  </si>
  <si>
    <t>0854-84-0322</t>
  </si>
  <si>
    <t>（株）サンキ　美容室ボブヘアーゆめタウン江津店</t>
  </si>
  <si>
    <t>695-0016</t>
  </si>
  <si>
    <t>島根県江津市嘉久志町2306-30ゆめタウン江津306</t>
  </si>
  <si>
    <t>0855-52-7087</t>
  </si>
  <si>
    <t>（株）サンキ　美容室ボブヘアー出雲店</t>
  </si>
  <si>
    <t>島根県出雲市小山町427-1</t>
  </si>
  <si>
    <t>0853-24-2489</t>
  </si>
  <si>
    <t>株式会社サンテック</t>
  </si>
  <si>
    <t>島根県松江市学園1丁目11-24</t>
  </si>
  <si>
    <t>0852-55-2150</t>
  </si>
  <si>
    <t>日曜・祝日</t>
  </si>
  <si>
    <t>8:00～17:15</t>
  </si>
  <si>
    <t>www.mieux3109.com</t>
  </si>
  <si>
    <t>焼き肉どんどん</t>
  </si>
  <si>
    <t>島根県松江市西津田7-11-31</t>
  </si>
  <si>
    <t>0852-31-2244</t>
  </si>
  <si>
    <t>6時間</t>
  </si>
  <si>
    <t>http://don2.sakura.ne.jp</t>
  </si>
  <si>
    <t>広島鉄板焼HERA</t>
  </si>
  <si>
    <t>島根県出雲市平野町20-1</t>
  </si>
  <si>
    <t>0853-24-2423</t>
  </si>
  <si>
    <t>11:30～19:00/17:30～22:00</t>
  </si>
  <si>
    <t>http://Izumo.mypl.net/shop/000000276491</t>
  </si>
  <si>
    <t>有限会社福本寝装</t>
  </si>
  <si>
    <t>699-1251</t>
  </si>
  <si>
    <t>島根県雲南市大東町大東967番地4</t>
  </si>
  <si>
    <t>0854-43-3301</t>
  </si>
  <si>
    <t>8:30～19:00</t>
  </si>
  <si>
    <t>（株）コースト　牛角　松江上乃木店</t>
  </si>
  <si>
    <t>島根県松江市上乃木9-2-8コスモ?1F</t>
  </si>
  <si>
    <t>0852-20-2929</t>
  </si>
  <si>
    <t>17:00～24:00</t>
  </si>
  <si>
    <t>スポーツプラザ二協社</t>
  </si>
  <si>
    <t>島根県出雲市渡橋町318-1</t>
  </si>
  <si>
    <t>0853-21-5155</t>
  </si>
  <si>
    <t>AM10:00～21:00</t>
  </si>
  <si>
    <t>http://www.sports-nakamura.com/nikvosha</t>
  </si>
  <si>
    <t>しまね信用金庫出雲支店</t>
  </si>
  <si>
    <t>693-0068</t>
  </si>
  <si>
    <t>島根県出雲市姫原2丁目3-4</t>
  </si>
  <si>
    <t>0853-21-3001</t>
  </si>
  <si>
    <t>http://www.shinkin.co.jp/shimane</t>
  </si>
  <si>
    <t>かげやま呉服店</t>
  </si>
  <si>
    <t>島根県出雲市今市町713番地</t>
  </si>
  <si>
    <t>0853-21-0070</t>
  </si>
  <si>
    <t>株式会社玉造国際ホテル</t>
  </si>
  <si>
    <t>699-0202</t>
  </si>
  <si>
    <t>島根県松江市玉湯町湯町148-2</t>
  </si>
  <si>
    <t>0852-62-0531</t>
  </si>
  <si>
    <t>5:00～23:00</t>
  </si>
  <si>
    <t>http://www.tamatsukurikokusai.com</t>
  </si>
  <si>
    <t>松の湯</t>
  </si>
  <si>
    <t>699-0201</t>
  </si>
  <si>
    <t>島根県松江市玉湯町玉造1215</t>
  </si>
  <si>
    <t>0852-62-0611</t>
  </si>
  <si>
    <t>学校法人朋和学園育英北幼稚園</t>
  </si>
  <si>
    <t>島根県松江市下東川津町728-10</t>
  </si>
  <si>
    <t>0852-31-1981</t>
  </si>
  <si>
    <t>日・祝日</t>
  </si>
  <si>
    <t>7:30～19:00</t>
  </si>
  <si>
    <t>藤増ストアー古志店</t>
  </si>
  <si>
    <t>693-0031</t>
  </si>
  <si>
    <t>島根県出雲市古志町1052</t>
  </si>
  <si>
    <t>0853-23-1129</t>
  </si>
  <si>
    <t>9:00～20:00</t>
  </si>
  <si>
    <t>株式会社島根銀行出雲支店</t>
  </si>
  <si>
    <t>島根県出雲市姫原１丁目5番地1</t>
  </si>
  <si>
    <t>0853-30-6611</t>
  </si>
  <si>
    <t>株式会社島根銀行雲南支店</t>
  </si>
  <si>
    <t>島根県雲南市三刀屋町下熊谷1678-1</t>
  </si>
  <si>
    <t>0854-45-5557</t>
  </si>
  <si>
    <t>株式会社島根銀行安来支店</t>
  </si>
  <si>
    <t>島根県安来市安来町1535-1</t>
  </si>
  <si>
    <t>0854-22-3535</t>
  </si>
  <si>
    <t>grappino</t>
  </si>
  <si>
    <t>島根県出雲市渡橋町81　マツイビル1,2F</t>
  </si>
  <si>
    <t>0853-25-0356</t>
  </si>
  <si>
    <t>第1、第3火曜日</t>
  </si>
  <si>
    <t>http://www.grappino.jp/</t>
  </si>
  <si>
    <t>株式会社ホンダカーズ出雲　平田店</t>
  </si>
  <si>
    <t>島根県出雲市平田町7673</t>
  </si>
  <si>
    <t>0853-67-7200</t>
  </si>
  <si>
    <t>http://www.hondacars-Izumo.co.jp/</t>
  </si>
  <si>
    <t>株式会社ホンダカーズ出雲　斐川店</t>
  </si>
  <si>
    <t>島根県出雲市斐川町荘原町2242-2</t>
  </si>
  <si>
    <t>0853-72-2300</t>
  </si>
  <si>
    <t>株式会社中西屋</t>
  </si>
  <si>
    <t>島根県松江市黒田町499-1</t>
  </si>
  <si>
    <t>0852-28-3988</t>
  </si>
  <si>
    <t>11:00～13:00</t>
  </si>
  <si>
    <t>nasebanaru4991.blog92.fc2.com</t>
  </si>
  <si>
    <t>株式会社島根銀行本店営業部</t>
  </si>
  <si>
    <t>690-0842</t>
  </si>
  <si>
    <t>島根県松江市東本町２丁目35番地</t>
  </si>
  <si>
    <t>0852-24-1234</t>
  </si>
  <si>
    <t>株式会社島根銀行学園通支店</t>
  </si>
  <si>
    <t>島根県松江市学園１丁目17-32番地</t>
  </si>
  <si>
    <t>0852-21-2120</t>
  </si>
  <si>
    <t>株式会社島根銀行黒田支店</t>
  </si>
  <si>
    <t>島根県松江市黒田町427番地</t>
  </si>
  <si>
    <t>0852-23-7777</t>
  </si>
  <si>
    <t>auショップ松江学園北</t>
  </si>
  <si>
    <t>島根県松江市学園1-19-8</t>
  </si>
  <si>
    <t>0852-31-1332</t>
  </si>
  <si>
    <t>第２木曜日</t>
  </si>
  <si>
    <t>有限会社荒木屋</t>
  </si>
  <si>
    <t>島根県出雲市大社町杵築東409-2</t>
  </si>
  <si>
    <t>0853-53-2352</t>
  </si>
  <si>
    <t>毎週水曜日</t>
  </si>
  <si>
    <t>11:00～17:00</t>
  </si>
  <si>
    <t>ローソン出雲大津新崎店</t>
  </si>
  <si>
    <t>693-0012</t>
  </si>
  <si>
    <t>島根県出雲市大津新崎町7-9-1</t>
  </si>
  <si>
    <t>0852-32-0273</t>
  </si>
  <si>
    <t>www.lawson.co.jp</t>
  </si>
  <si>
    <t>ローソン島根大東店</t>
  </si>
  <si>
    <t>島根県雲南市大東町大東1453-2</t>
  </si>
  <si>
    <t>0854-43-3882</t>
  </si>
  <si>
    <t>ローソン江津浅利店</t>
  </si>
  <si>
    <t>695-0002</t>
  </si>
  <si>
    <t>島根県江津市浅利町22-1</t>
  </si>
  <si>
    <t>0855-57-0271</t>
  </si>
  <si>
    <t>ローソン浜田国分店</t>
  </si>
  <si>
    <t>697-0003</t>
  </si>
  <si>
    <t>島根県浜田市国分町2312</t>
  </si>
  <si>
    <t>0855-28-1841</t>
  </si>
  <si>
    <t>ローソン平田中ノ島店</t>
  </si>
  <si>
    <t>島根県出雲市平田町字中ノ島7550</t>
  </si>
  <si>
    <t>0853-62-2468</t>
  </si>
  <si>
    <t>グリーン調剤薬局　春日店</t>
  </si>
  <si>
    <t>島根県松江市春日町194-5</t>
  </si>
  <si>
    <t>0852-67-1193</t>
  </si>
  <si>
    <t>木・土曜午後・日曜・祝日</t>
  </si>
  <si>
    <t>9:00～18:30但し木・土曜9:00～13:00</t>
  </si>
  <si>
    <t>www.green-ph.com</t>
  </si>
  <si>
    <t>グリーン調剤薬局学園通店</t>
  </si>
  <si>
    <t>島根県松江市学園２丁目６－７</t>
  </si>
  <si>
    <t>0852-27-4193</t>
  </si>
  <si>
    <t>8:30～18:30但し土曜日8:30～17:00</t>
  </si>
  <si>
    <t>山陰合同銀行本店展望室</t>
  </si>
  <si>
    <t>690-0062</t>
  </si>
  <si>
    <t>島根県松江市魚町10</t>
  </si>
  <si>
    <t>0852-55-1000</t>
  </si>
  <si>
    <t>12/31,1/1</t>
  </si>
  <si>
    <t>（４月～10月）10:00～18:00（11月～３月）9:30～17:30</t>
  </si>
  <si>
    <t>山陰合同銀行　くにびき出張所</t>
  </si>
  <si>
    <t>島根県松江市学園南２丁目1-12</t>
  </si>
  <si>
    <t>0852-27-7200</t>
  </si>
  <si>
    <t>12/31～1/3、祝日・日曜</t>
  </si>
  <si>
    <t>平日　午前9:00～15:00</t>
  </si>
  <si>
    <t>山陰合同銀行　益田支店</t>
  </si>
  <si>
    <t>島根県益田市駅前町19-23</t>
  </si>
  <si>
    <t>山陰合同銀行　広瀬出張所</t>
  </si>
  <si>
    <t>692-0404</t>
  </si>
  <si>
    <t>島根県安来市広瀬町広瀬1219-1</t>
  </si>
  <si>
    <t>0854-32-2154</t>
  </si>
  <si>
    <t>山陰合同銀行社日出張所</t>
  </si>
  <si>
    <t>島根県安来市安来町763-11</t>
  </si>
  <si>
    <t>山陰合同銀行瑞穂出張所</t>
  </si>
  <si>
    <t>696-0222</t>
  </si>
  <si>
    <t>島根県邑智郡邑南町下田所265-1</t>
  </si>
  <si>
    <t>0855-83-1711</t>
  </si>
  <si>
    <t>山陰合同銀行西益田出張所</t>
  </si>
  <si>
    <t>699-5132</t>
  </si>
  <si>
    <t>島根県益田市横田町278-1</t>
  </si>
  <si>
    <t>0856-25-5132</t>
  </si>
  <si>
    <t>山陰合同銀行大田市店</t>
  </si>
  <si>
    <t>島根県大田市大田町大田イ374-3</t>
  </si>
  <si>
    <t>山陰合同銀行南出張所</t>
  </si>
  <si>
    <t>690-0052</t>
  </si>
  <si>
    <t>島根県松江市竪町21-2</t>
  </si>
  <si>
    <t>山陰合同銀行法吉支店</t>
  </si>
  <si>
    <t>島根県松江市春日町639-7</t>
  </si>
  <si>
    <t>0852-27-2511</t>
  </si>
  <si>
    <t>山陰合同銀行本店営業部</t>
  </si>
  <si>
    <t>0852-55-1111</t>
  </si>
  <si>
    <t>株式会社Hondacars西島根知井宮店</t>
  </si>
  <si>
    <t>島根県出雲市知井宮町１４４番地3</t>
  </si>
  <si>
    <t>0853-23-7332</t>
  </si>
  <si>
    <t>島根中央ホンダ販売株式会社浜田東店</t>
  </si>
  <si>
    <t>697-0063</t>
  </si>
  <si>
    <t>島根県浜田市長浜町796-3</t>
  </si>
  <si>
    <t>0855-26-0885</t>
  </si>
  <si>
    <t>株式会社ホンダカーズ出雲　出雲店</t>
  </si>
  <si>
    <t>693-0066</t>
  </si>
  <si>
    <t>島根県出雲市高岡町454番地1</t>
  </si>
  <si>
    <t>0853-23-9800</t>
  </si>
  <si>
    <t>島根中央ホンダ販売株式会社　安来店</t>
  </si>
  <si>
    <t>692-0015</t>
  </si>
  <si>
    <t>島根県安来市今津町677-1</t>
  </si>
  <si>
    <t>0854-22-0202</t>
  </si>
  <si>
    <t>島根中央ホンダ販売株式会社　出雲北店</t>
  </si>
  <si>
    <t>0853-23-2100</t>
  </si>
  <si>
    <t>島根中央ホンダ販売株式会社　出雲中央店</t>
  </si>
  <si>
    <t>島根県出雲市渡橋町1166番地1</t>
  </si>
  <si>
    <t>0853-25-3711</t>
  </si>
  <si>
    <t>割烹温泉ゆらり</t>
  </si>
  <si>
    <t>島根県出雲市平田町7178</t>
  </si>
  <si>
    <t>0853-62-1234</t>
  </si>
  <si>
    <t>10:30～22:00</t>
  </si>
  <si>
    <t>http://ciel-pia.com/</t>
  </si>
  <si>
    <t>鬼蕎麦</t>
  </si>
  <si>
    <t>699-1511</t>
  </si>
  <si>
    <t>島根県仁多郡奥出雲町三成1415-27</t>
  </si>
  <si>
    <t>0854-54-2101</t>
  </si>
  <si>
    <t>第一水曜日</t>
  </si>
  <si>
    <t>11:00～18:00</t>
  </si>
  <si>
    <t>http://www7b.biglobe.ne.jp/~onisoba/</t>
  </si>
  <si>
    <t>温泉津子育て支援センター</t>
  </si>
  <si>
    <t>699-2511</t>
  </si>
  <si>
    <t>島根県大田市温泉津町小浜306-1</t>
  </si>
  <si>
    <t>0855-65-2075</t>
  </si>
  <si>
    <t>仁摩子育て支援センター</t>
  </si>
  <si>
    <t>島根県大田市仁摩町仁万559-1</t>
  </si>
  <si>
    <t>0854-88-4933</t>
  </si>
  <si>
    <t>日曜日祝祭日年末年始</t>
  </si>
  <si>
    <t>大田子育て支援センター</t>
  </si>
  <si>
    <t>694-0063</t>
  </si>
  <si>
    <t>島根県大田市大田町吉永1355-1</t>
  </si>
  <si>
    <t>0854-82-1791</t>
  </si>
  <si>
    <t>8:00～17:00</t>
  </si>
  <si>
    <t>爽健美食ここな上乃木店</t>
  </si>
  <si>
    <t>島根県松江市上乃木７丁目12-64</t>
  </si>
  <si>
    <t>0852-23-9100</t>
  </si>
  <si>
    <t>平日　午前9:00～21:00</t>
  </si>
  <si>
    <t>http://www.kpo-kokona.com</t>
  </si>
  <si>
    <t>緑と音の館ここな西津田店</t>
  </si>
  <si>
    <t>島根県松江市西津田１０丁目13-27</t>
  </si>
  <si>
    <t>0852-33-7073</t>
  </si>
  <si>
    <t>　午前9:00～22:00</t>
  </si>
  <si>
    <t>雪舟東児童公園</t>
  </si>
  <si>
    <t>698-0003</t>
  </si>
  <si>
    <t>島根県益田市乙吉町イ93</t>
  </si>
  <si>
    <t>0856-31-0243</t>
  </si>
  <si>
    <t>モスバーガー宍道店</t>
  </si>
  <si>
    <t>699-0406</t>
  </si>
  <si>
    <t>島根県松江市宍道町佐々布</t>
  </si>
  <si>
    <t>0852-66-3939</t>
  </si>
  <si>
    <t>AM10:00～AM1:00</t>
  </si>
  <si>
    <t>モスバーガー松江上乃木店</t>
  </si>
  <si>
    <t>島根県松江市上乃木5-12-21</t>
  </si>
  <si>
    <t>0852-27-5886</t>
  </si>
  <si>
    <t>AM10:00～PM19:00</t>
  </si>
  <si>
    <t>モスバーガーイオンタウン大田店</t>
  </si>
  <si>
    <t>694-0044</t>
  </si>
  <si>
    <t>島根県大田市長久町土江97</t>
  </si>
  <si>
    <t>auショップ斐川</t>
  </si>
  <si>
    <t>島根県出雲市斐川町上庄原1129-1</t>
  </si>
  <si>
    <t>0853-73-7073</t>
  </si>
  <si>
    <t>みしまや上乃木店</t>
  </si>
  <si>
    <t>島根県松江市上乃木3-14-20</t>
  </si>
  <si>
    <t>0852-20-6200</t>
  </si>
  <si>
    <t>みしまや春日店</t>
  </si>
  <si>
    <t>島根県松江市春日町630</t>
  </si>
  <si>
    <t>0852-20-6500</t>
  </si>
  <si>
    <t>みしまや楽山店</t>
  </si>
  <si>
    <t>島根県松江市西川津町2081-1</t>
  </si>
  <si>
    <t>0852-20-6300</t>
  </si>
  <si>
    <t>みしまや三刀屋店</t>
  </si>
  <si>
    <t>0854-45-5400</t>
  </si>
  <si>
    <t>みしまや田和山店</t>
  </si>
  <si>
    <t>島根県松江市田和山町41</t>
  </si>
  <si>
    <t>0854-24-6700</t>
  </si>
  <si>
    <t>みしまや学園店</t>
  </si>
  <si>
    <t>島根県松江市学園2-34-6</t>
  </si>
  <si>
    <t>0854-24-5200</t>
  </si>
  <si>
    <t>乙吉公園</t>
  </si>
  <si>
    <t>島根県益田市乙吉町ィ334-6</t>
  </si>
  <si>
    <t>夕景湖畔すいてんかく</t>
  </si>
  <si>
    <t>690-0852</t>
  </si>
  <si>
    <t>島根県松江市千鳥町39番地</t>
  </si>
  <si>
    <t>0852-21-4910</t>
  </si>
  <si>
    <t>http://www.suitenkaku.co.jp/</t>
  </si>
  <si>
    <t>（株）今井書店学園通り店</t>
  </si>
  <si>
    <t>島根県松江市学園2-33-8</t>
  </si>
  <si>
    <t>0852-31-8099</t>
  </si>
  <si>
    <t>http://www.imaibooks.co.jp</t>
  </si>
  <si>
    <t>お食事処　大衆</t>
  </si>
  <si>
    <t>島根県仁多郡奥出雲町三成３５６－２</t>
  </si>
  <si>
    <t>0854-54-0129</t>
  </si>
  <si>
    <t>AM11:00～PM2:00、PM5:00～PM10:00</t>
  </si>
  <si>
    <t>有限会社日本庭園由志園</t>
  </si>
  <si>
    <t>690-1492</t>
  </si>
  <si>
    <t>島根県松江市八束町波入1260－2</t>
  </si>
  <si>
    <t>0852-76-2255</t>
  </si>
  <si>
    <t>https://www.yuushien.com</t>
  </si>
  <si>
    <t>シャディギフトこばやし　松江店</t>
  </si>
  <si>
    <t>690-0012</t>
  </si>
  <si>
    <t>島根県松江市古志原3-17-17</t>
  </si>
  <si>
    <t>0852-26-7760</t>
  </si>
  <si>
    <t>1/1,2日</t>
  </si>
  <si>
    <t>シャディギフトこばやし　三刀屋店</t>
  </si>
  <si>
    <t>島根県雲南市三刀屋町下熊谷1724-10</t>
  </si>
  <si>
    <t>0854-45-3355</t>
  </si>
  <si>
    <t>オート・ステーションセクト</t>
  </si>
  <si>
    <t>島根県出雲市高岡町454番地3</t>
  </si>
  <si>
    <t>0853-23-9000</t>
  </si>
  <si>
    <t>旅館　美保館</t>
  </si>
  <si>
    <t>690-1501</t>
  </si>
  <si>
    <t>島根県松江市美保関町美保関570</t>
  </si>
  <si>
    <t>0852-73-0111</t>
  </si>
  <si>
    <t>mihokan.co.jp</t>
  </si>
  <si>
    <t>株式会社ホンダカーズ松江　東津田店</t>
  </si>
  <si>
    <t>島根県松江市東津田町1300番地7</t>
  </si>
  <si>
    <t>0852-22-1547</t>
  </si>
  <si>
    <t>9:00～19:30</t>
  </si>
  <si>
    <t>http://www.hondacars.co.jp/</t>
  </si>
  <si>
    <t>出雲神々縁結びの宿　紺屋</t>
  </si>
  <si>
    <t>島根県松江市玉湯町玉造1246番地</t>
  </si>
  <si>
    <t>0852-62-0311</t>
  </si>
  <si>
    <t>http://www.yutei-konva.jp/</t>
  </si>
  <si>
    <t>佳翠苑　皆美</t>
  </si>
  <si>
    <t>島根県松江市玉湯町玉造1218-8</t>
  </si>
  <si>
    <t>0852-62-0331</t>
  </si>
  <si>
    <t>終日</t>
  </si>
  <si>
    <t>http://www.kasuien-minami.jp</t>
  </si>
  <si>
    <t>ドラッグストア　ウエルネス　橋南店</t>
  </si>
  <si>
    <t>島根県松江市西津田７丁目11-14</t>
  </si>
  <si>
    <t>0852-32-5295</t>
  </si>
  <si>
    <t>ドラッグストア　ウエルネス　古志原店</t>
  </si>
  <si>
    <t>島根県松江市古志原２丁目22-28</t>
  </si>
  <si>
    <t>0852-32-5115</t>
  </si>
  <si>
    <t>ドラッグストア　ウエルネス　大田店</t>
  </si>
  <si>
    <t>島根県大田市長久町長久ロ264-13</t>
  </si>
  <si>
    <t>0854-84-0365</t>
  </si>
  <si>
    <t>大田市役所本庁舎</t>
  </si>
  <si>
    <t>島根県大田市大田町大田ロ1111</t>
  </si>
  <si>
    <t>0854-82-1600</t>
  </si>
  <si>
    <t>大田市民公園　公衆便所</t>
  </si>
  <si>
    <t>島根県大田市大田町大田ロ1451</t>
  </si>
  <si>
    <t>２４時間</t>
  </si>
  <si>
    <t>大田市　宮崎公園　公衆便所</t>
  </si>
  <si>
    <t>島根県大田市大田町大田ロ1109-9</t>
  </si>
  <si>
    <t>大田市役所　温泉津支所　</t>
  </si>
  <si>
    <t>699-2598</t>
  </si>
  <si>
    <t>島根県大田市温泉津町小浜イ４８６</t>
  </si>
  <si>
    <t>0855-65-3111</t>
  </si>
  <si>
    <t>土日祝日</t>
  </si>
  <si>
    <t>大田市役所　仁摩支所　</t>
  </si>
  <si>
    <t>島根県大田市仁摩町仁万562-3</t>
  </si>
  <si>
    <t>0854-88-2111</t>
  </si>
  <si>
    <t>http://www.city.ohda.19.jp/</t>
  </si>
  <si>
    <t>国指定重要文化財　熊谷家住宅　</t>
  </si>
  <si>
    <t>694-0305</t>
  </si>
  <si>
    <t>島根県大田市大森町ハ63番地</t>
  </si>
  <si>
    <t>0854-89-9003</t>
  </si>
  <si>
    <t>毎月最終火曜日（祝日の時はその翌日）、年末年始</t>
  </si>
  <si>
    <t>http://kumagai.city.ohda.lg.jp</t>
  </si>
  <si>
    <t>石見銀山世界遺産センター</t>
  </si>
  <si>
    <t>島根県大田市大森町イ1597番地3</t>
  </si>
  <si>
    <t>0854-89-0183</t>
  </si>
  <si>
    <t>毎月最終火曜日（祝日の時はその翌日）、年末年始（1/1）</t>
  </si>
  <si>
    <t>道の駅ロード銀山</t>
  </si>
  <si>
    <t>島根県大田市久手町刺鹿1945-1</t>
  </si>
  <si>
    <t>0854-82-1991</t>
  </si>
  <si>
    <t>http://www6.ocn.ne.jp</t>
  </si>
  <si>
    <t>冨士寫眞館</t>
  </si>
  <si>
    <t>690-2404</t>
  </si>
  <si>
    <t>島根県雲南市三刀屋町三刀屋13-2</t>
  </si>
  <si>
    <t>0854-45-9100</t>
  </si>
  <si>
    <t>8:00～19:30</t>
  </si>
  <si>
    <t>玉造温泉　白石家</t>
  </si>
  <si>
    <t>島根県松江市玉湯町玉造44-2</t>
  </si>
  <si>
    <t>0852-62-0521</t>
  </si>
  <si>
    <t>www.siraisiya.com</t>
  </si>
  <si>
    <t>森のレストラン</t>
  </si>
  <si>
    <t>島根県江津市江津町1110-20</t>
  </si>
  <si>
    <t>0855-52-2822</t>
  </si>
  <si>
    <t>毎週月曜、第3日曜</t>
  </si>
  <si>
    <t>火～木　11:00～17:00　・金～日　11:00～20:00</t>
  </si>
  <si>
    <t>http://www.iwamifukushikai.or.jp/gotsu_sisetu.html</t>
  </si>
  <si>
    <t>島根トヨペット（株）益田店</t>
  </si>
  <si>
    <t>699-5131</t>
  </si>
  <si>
    <t>島根県益田市安富町2587-6</t>
  </si>
  <si>
    <t>0856-25-2111</t>
  </si>
  <si>
    <t>島根トヨペット（株）出雲店</t>
  </si>
  <si>
    <t>島根県出雲市渡橋町1087-1</t>
  </si>
  <si>
    <t>0853-22-1000</t>
  </si>
  <si>
    <t>フジキ大田店</t>
  </si>
  <si>
    <t>0854-84-0330</t>
  </si>
  <si>
    <t>１／１、２・その他会社指定日</t>
  </si>
  <si>
    <t>１０：００～１９：００</t>
  </si>
  <si>
    <t>http://mondawa.jp</t>
  </si>
  <si>
    <t>円建創株式会社</t>
  </si>
  <si>
    <t>島根県松江市東津田町1280-1</t>
  </si>
  <si>
    <t>0852-26-2532</t>
  </si>
  <si>
    <t>http://www.madoka-arc.co.jp/</t>
  </si>
  <si>
    <t>株式会社豊洋　暮らしゆうゆう館</t>
  </si>
  <si>
    <t>島根県松江市学園２丁目２２番２３号</t>
  </si>
  <si>
    <t>0120-280-383</t>
  </si>
  <si>
    <t>9:00～17:30</t>
  </si>
  <si>
    <t>http://new-u-topia.com/</t>
  </si>
  <si>
    <t>浜田市子育て支援センター</t>
  </si>
  <si>
    <t>697-0021</t>
  </si>
  <si>
    <t>島根県浜田市松原町２３５－１</t>
  </si>
  <si>
    <t>0855-22-1253</t>
  </si>
  <si>
    <t>日曜日、祝日、年末年始</t>
  </si>
  <si>
    <t>８：３０～１７：００</t>
  </si>
  <si>
    <t>http://www.city.hamada.shimane.jp</t>
  </si>
  <si>
    <t>（株）藤栄工業</t>
  </si>
  <si>
    <t>690-0883</t>
  </si>
  <si>
    <t>島根県松江市北田町22番13</t>
  </si>
  <si>
    <t>0852-21-2055</t>
  </si>
  <si>
    <t>年末年始</t>
  </si>
  <si>
    <t>http://toei-k.co.jp/</t>
  </si>
  <si>
    <t>浜田市役所</t>
  </si>
  <si>
    <t>697-8501</t>
  </si>
  <si>
    <t>島根県浜田市殿町１番地</t>
  </si>
  <si>
    <t>0855-22-2612</t>
  </si>
  <si>
    <t>日曜、祝日、年末年始</t>
  </si>
  <si>
    <t>8:30～17:15　</t>
  </si>
  <si>
    <t>浜田市役所旭支所</t>
  </si>
  <si>
    <t>697-0425</t>
  </si>
  <si>
    <t>島根県浜田市旭町今市637番地</t>
  </si>
  <si>
    <t>0855-45-1434</t>
  </si>
  <si>
    <t>8:30～17:16　</t>
  </si>
  <si>
    <t>浜田駅南北自由通路及び関連施設</t>
  </si>
  <si>
    <t>697-0022</t>
  </si>
  <si>
    <t>島根県浜田市浅井町777番地１</t>
  </si>
  <si>
    <t>0855-25-9620</t>
  </si>
  <si>
    <t>イオンモール出雲</t>
  </si>
  <si>
    <t>島根県出雲市渡橋町1066番地</t>
  </si>
  <si>
    <t>0853-24-8400</t>
  </si>
  <si>
    <t>専門店街9:00～21:00
イオンスタイル（食品）8:00～22:00
イオンスタイル（食品以外）9:00～22:00</t>
  </si>
  <si>
    <t>江津市役所</t>
  </si>
  <si>
    <t>695-8501</t>
  </si>
  <si>
    <t>島根県江津市江津町1525</t>
  </si>
  <si>
    <t>0855-52-2501</t>
  </si>
  <si>
    <t>土・日・祝祭日・年末年始</t>
  </si>
  <si>
    <t>https://www.city.gotsu.lg.jp/</t>
  </si>
  <si>
    <t>江津市民体育館</t>
  </si>
  <si>
    <t>島根県江津市嘉久志町1525　江津中央公園管理事務所</t>
  </si>
  <si>
    <t>0855-52-1790</t>
  </si>
  <si>
    <t>火曜日・年末年始</t>
  </si>
  <si>
    <t>江津市図書館</t>
  </si>
  <si>
    <t>島根県江津市江津町995</t>
  </si>
  <si>
    <t>0855-52-0551</t>
  </si>
  <si>
    <t>火曜日・月末日※月末日が火曜日のときは翌日・年末年始・特別整理日（年間15日以内）</t>
  </si>
  <si>
    <t>ローソン　浜田医療センター店</t>
  </si>
  <si>
    <t>島根県浜田市浅井町７７７‐１２</t>
  </si>
  <si>
    <t>0855-25-0565</t>
  </si>
  <si>
    <t>07:00～21:00</t>
  </si>
  <si>
    <t>ローソン・ポプラ　邑南矢上店</t>
  </si>
  <si>
    <t>696-0103</t>
  </si>
  <si>
    <t>島根県邑智郡邑南町矢上６００３‐３</t>
  </si>
  <si>
    <t>0855-95-3588</t>
  </si>
  <si>
    <t>06:00～24:00</t>
  </si>
  <si>
    <t>ローソン・ポプラ　益田乙吉店</t>
  </si>
  <si>
    <t>島根県益田市乙吉町イ７７‐１１</t>
  </si>
  <si>
    <t>0856-31-1955</t>
  </si>
  <si>
    <t>ローソン・ポプラ　瑞穂店</t>
  </si>
  <si>
    <t>島根県邑智郡邑南町下田所２５９‐２</t>
  </si>
  <si>
    <t>0855-83-2017</t>
  </si>
  <si>
    <t>ローソン・ポプラ　美都仙道店</t>
  </si>
  <si>
    <t>698-0212</t>
  </si>
  <si>
    <t>島根県益田市美都町仙道６７７‐２</t>
  </si>
  <si>
    <t>0856-52-7220</t>
  </si>
  <si>
    <t>ローソン　出雲今市町本町店</t>
  </si>
  <si>
    <t>島根県出雲市今市町本町５７２</t>
  </si>
  <si>
    <t>0853-22-2113</t>
  </si>
  <si>
    <t>ローソン　出雲塩冶神前店</t>
  </si>
  <si>
    <t>693-0024</t>
  </si>
  <si>
    <t>島根県出雲市塩冶神前６‐３‐１</t>
  </si>
  <si>
    <t>0853-21-4875</t>
  </si>
  <si>
    <t>ローソン　出雲塩冶原店</t>
  </si>
  <si>
    <t>693-0026</t>
  </si>
  <si>
    <t>島根県出雲市塩冶原町１‐５‐１３</t>
  </si>
  <si>
    <t>0853-30-0389</t>
  </si>
  <si>
    <t>ローソン　出雲大津朝倉一丁目店</t>
  </si>
  <si>
    <t>693-0015</t>
  </si>
  <si>
    <t>島根県出雲市大津朝倉１‐７‐１０</t>
  </si>
  <si>
    <t>0853-24-7255</t>
  </si>
  <si>
    <t>ローソン　出雲下古志店</t>
  </si>
  <si>
    <t>693-0032</t>
  </si>
  <si>
    <t>島根県出雲市下古志町６８６‐１</t>
  </si>
  <si>
    <t>0853-24-7133</t>
  </si>
  <si>
    <t>ローソン　出雲大社町店</t>
  </si>
  <si>
    <t>699-0721</t>
  </si>
  <si>
    <t>島根県出雲市大社町修理免西原８１８‐１</t>
  </si>
  <si>
    <t>0853-53-2001</t>
  </si>
  <si>
    <t>ローソン　出雲姫原二丁目店</t>
  </si>
  <si>
    <t>島根県出雲市姫原２‐１２‐５</t>
  </si>
  <si>
    <t>0853-24-7650</t>
  </si>
  <si>
    <t>ローソン　斐川夢咲タウン店</t>
  </si>
  <si>
    <t>島根県出雲市斐川町上直江１２４０‐１</t>
  </si>
  <si>
    <t>0853-73-7303</t>
  </si>
  <si>
    <t>ローソン　益田駅前店</t>
  </si>
  <si>
    <t>島根県益田市駅前町２３‐１４</t>
  </si>
  <si>
    <t>0856-22-1770</t>
  </si>
  <si>
    <t>ローソン　益田高津店</t>
  </si>
  <si>
    <t>島根県益田市高津６‐１５‐３３</t>
  </si>
  <si>
    <t>0856-23-5308</t>
  </si>
  <si>
    <t>ローソン　益田土井町店</t>
  </si>
  <si>
    <t>698-0016</t>
  </si>
  <si>
    <t>島根県益田市土井町ロ２０９４‐１</t>
  </si>
  <si>
    <t>0856-24-0227</t>
  </si>
  <si>
    <t>ローソン　益田中吉田店</t>
  </si>
  <si>
    <t>島根県益田市中吉田町３４４‐１</t>
  </si>
  <si>
    <t>0856-22-8080</t>
  </si>
  <si>
    <t>ローソン益田東町店</t>
  </si>
  <si>
    <t>島根県益田市東町　ロ　１２０９</t>
  </si>
  <si>
    <t>0856-22-4282</t>
  </si>
  <si>
    <t>ローソン益田横田店</t>
  </si>
  <si>
    <t>島根県益田市横田町３９４‐１</t>
  </si>
  <si>
    <t>0856-25-1919</t>
  </si>
  <si>
    <t>ローソン　浜田周布店</t>
  </si>
  <si>
    <t>697-1321</t>
  </si>
  <si>
    <t>島根県浜田市周布町　ロ　３６８</t>
  </si>
  <si>
    <t>0855-27-3747</t>
  </si>
  <si>
    <t>ローソン　浜田三隅店</t>
  </si>
  <si>
    <t>699-3212</t>
  </si>
  <si>
    <t>島根県浜田市三隅町向野田６３９‐１</t>
  </si>
  <si>
    <t>0855-32-0035</t>
  </si>
  <si>
    <t>ローソン　益田中島店</t>
  </si>
  <si>
    <t>698-0046</t>
  </si>
  <si>
    <t>島根県益田市かもしま東町１２‐２５</t>
  </si>
  <si>
    <t>0856-22-2414</t>
  </si>
  <si>
    <t>ローソン・ポプラ　江津舞乃市店</t>
  </si>
  <si>
    <t>699-2841</t>
  </si>
  <si>
    <t>島根県江津市後地町３３４８‐１１３</t>
  </si>
  <si>
    <t>0855-55-3522</t>
  </si>
  <si>
    <t>06:00～22:00</t>
  </si>
  <si>
    <t>ローソン・ポプラ　江津渡津町店</t>
  </si>
  <si>
    <t>695-0001</t>
  </si>
  <si>
    <t>島根県江津市渡津町２００４‐１</t>
  </si>
  <si>
    <t>0855-52-5182</t>
  </si>
  <si>
    <t>ローソン・ポプラ　浜田朝日町店</t>
  </si>
  <si>
    <t>697-0033</t>
  </si>
  <si>
    <t>島根県浜田市朝日町１５１１</t>
  </si>
  <si>
    <t>0855-25-0312</t>
  </si>
  <si>
    <t>ローソン・ポプラ　浜田原井店</t>
  </si>
  <si>
    <t>島根県浜田市原井町９４６‐２</t>
  </si>
  <si>
    <t>0855-23-4993</t>
  </si>
  <si>
    <t>ローソン　揖屋駅前店</t>
  </si>
  <si>
    <t>699-0101</t>
  </si>
  <si>
    <t>島根県松江市東出雲町揖屋字一本松６８９‐１３</t>
  </si>
  <si>
    <t>0852-53-0017</t>
  </si>
  <si>
    <t>ローソン　東出雲錦新町店</t>
  </si>
  <si>
    <t>島根県松江市東出雲町錦新町７‐１‐１６</t>
  </si>
  <si>
    <t>0852-52-6827</t>
  </si>
  <si>
    <t>ローソン・ポプラ　松江佐太神社前店</t>
  </si>
  <si>
    <t>690-0803</t>
  </si>
  <si>
    <t>島根県松江市鹿島町名分１０１７‐２</t>
  </si>
  <si>
    <t>0852-82-9480</t>
  </si>
  <si>
    <t>ローソン・ポプラ　松江宍道湖店</t>
  </si>
  <si>
    <t>699-0404</t>
  </si>
  <si>
    <t>島根県松江市宍道町東来待４４４‐１</t>
  </si>
  <si>
    <t>0852-67-2820</t>
  </si>
  <si>
    <t>ローソン・ポプラ　松江玉湯店</t>
  </si>
  <si>
    <t>島根県松江市玉湯町湯町７８３‐１</t>
  </si>
  <si>
    <t>0852-62-8066</t>
  </si>
  <si>
    <t>ローソン・ポプラ　松江馬潟店</t>
  </si>
  <si>
    <t>690-0024</t>
  </si>
  <si>
    <t>島根県松江市馬潟町１‐１</t>
  </si>
  <si>
    <t>0852-38-8880</t>
  </si>
  <si>
    <t>ローソン　益田あけぼの東町店</t>
  </si>
  <si>
    <t>698-0027</t>
  </si>
  <si>
    <t>島根県益田市あけぼの東町７‐７</t>
  </si>
  <si>
    <t>0856-22-2669</t>
  </si>
  <si>
    <t>ローソン　六日市インター店</t>
  </si>
  <si>
    <t>699-5514</t>
  </si>
  <si>
    <t>島根県鹿足郡吉賀町立河内４０‐１</t>
  </si>
  <si>
    <t>0856-77-0075</t>
  </si>
  <si>
    <t>ローソン・ポプラ　鹿足日原店</t>
  </si>
  <si>
    <t>699-5212</t>
  </si>
  <si>
    <t>島根県鹿足郡津和野町河村７８４‐１</t>
  </si>
  <si>
    <t>0856-74-2201</t>
  </si>
  <si>
    <t>ローソン・ポプラ　津和野店</t>
  </si>
  <si>
    <t>699-5605</t>
  </si>
  <si>
    <t>島根県鹿足郡津和野町後田ロ６５‐２８</t>
  </si>
  <si>
    <t>0856-72-4037</t>
  </si>
  <si>
    <t>ローソン・ポプラ　益田合同庁舎前店</t>
  </si>
  <si>
    <t>島根県益田市東町２‐３１</t>
  </si>
  <si>
    <t>0856-22-3257</t>
  </si>
  <si>
    <t>ローソン・ポプラ　益田津田店</t>
  </si>
  <si>
    <t>699-3671</t>
  </si>
  <si>
    <t>島根県益田市津田町１４６７‐１</t>
  </si>
  <si>
    <t>0856-31-7048</t>
  </si>
  <si>
    <t>ローソン　島大通店</t>
  </si>
  <si>
    <t>690-0824</t>
  </si>
  <si>
    <t>島根県松江市菅田町字神庭１４３‐１</t>
  </si>
  <si>
    <t>0852-27-2431</t>
  </si>
  <si>
    <t>ローソン　松江上乃木七丁目店</t>
  </si>
  <si>
    <t>島根県松江市上乃木７‐１３‐１</t>
  </si>
  <si>
    <t>0852-24-7666</t>
  </si>
  <si>
    <t>ローソン　松江鹿島店</t>
  </si>
  <si>
    <t>島根県松江市鹿島町名分字原田６２１‐３</t>
  </si>
  <si>
    <t>0852-82-9595</t>
  </si>
  <si>
    <t>ローソン　松江学園一丁目店</t>
  </si>
  <si>
    <t>島根県松江市学園１‐４０７</t>
  </si>
  <si>
    <t>0852-24-5630</t>
  </si>
  <si>
    <t>ローソン　松江玉湯町布志名店</t>
  </si>
  <si>
    <t>699-0203</t>
  </si>
  <si>
    <t>島根県松江市玉湯町布志名３７１‐２</t>
  </si>
  <si>
    <t>0852-62-0246</t>
  </si>
  <si>
    <t>ローソン　松江浜乃木三丁目店</t>
  </si>
  <si>
    <t>島根県松江市浜乃木３‐２‐５６</t>
  </si>
  <si>
    <t>0852-25-3671</t>
  </si>
  <si>
    <t>ローソン　松江比津店</t>
  </si>
  <si>
    <t>690-0863</t>
  </si>
  <si>
    <t>島根県松江市比津町字入料免１５６</t>
  </si>
  <si>
    <t>0852-21-1011</t>
  </si>
  <si>
    <t>ローソン　八雲東岩坂店</t>
  </si>
  <si>
    <t>690-2102</t>
  </si>
  <si>
    <t>島根県松江市八雲町東岩坂１４‐１</t>
  </si>
  <si>
    <t>0852-54-2870</t>
  </si>
  <si>
    <t>ローソン　出雲国富店</t>
  </si>
  <si>
    <t>691-0011</t>
  </si>
  <si>
    <t>島根県出雲市国富町字大向８０６</t>
  </si>
  <si>
    <t>0853-63-5252</t>
  </si>
  <si>
    <t>ローソン　出雲白枝堀西店</t>
  </si>
  <si>
    <t>島根県出雲市白枝町字堀西２２２‐１</t>
  </si>
  <si>
    <t>0853-28-3171</t>
  </si>
  <si>
    <t>ローソン　出雲平田町店</t>
  </si>
  <si>
    <t>島根県出雲市平田町字中ノ島５４８２‐３</t>
  </si>
  <si>
    <t>0853-63-2124</t>
  </si>
  <si>
    <t>ローソン　浜山店</t>
  </si>
  <si>
    <t>699-0722</t>
  </si>
  <si>
    <t>島根県出雲市大社町北荒木１０５７‐５</t>
  </si>
  <si>
    <t>0853-53-0377</t>
  </si>
  <si>
    <t>ローソン　斐川出西店</t>
  </si>
  <si>
    <t>699-0614</t>
  </si>
  <si>
    <t>島根県出雲市斐川町求院島崎１４６９‐１</t>
  </si>
  <si>
    <t>0853-73-7855</t>
  </si>
  <si>
    <t>ローソン　斐川中央店</t>
  </si>
  <si>
    <t>島根県出雲市斐川町荘原２２０４‐１</t>
  </si>
  <si>
    <t>0853-72-5177</t>
  </si>
  <si>
    <t>ローソン　平田駅前店</t>
  </si>
  <si>
    <t>島根県出雲市平田町字古川２２２６‐９</t>
  </si>
  <si>
    <t>0853-62-5836</t>
  </si>
  <si>
    <t>ローソン　平田中ノ島店</t>
  </si>
  <si>
    <t>島根県出雲市平田町字中ノ島７５５０</t>
  </si>
  <si>
    <t>ローソン・ポプラ　平田一畑店</t>
  </si>
  <si>
    <t>島根県出雲市小境町４１２‐２</t>
  </si>
  <si>
    <t>0853-67-0005</t>
  </si>
  <si>
    <t>ローソン　浜田栄町店</t>
  </si>
  <si>
    <t>697-0043</t>
  </si>
  <si>
    <t>島根県浜田市栄町８</t>
  </si>
  <si>
    <t>0855-23-1324</t>
  </si>
  <si>
    <t>ローソン　浜田長沢店</t>
  </si>
  <si>
    <t>697-0023</t>
  </si>
  <si>
    <t>島根県浜田市長沢町８８‐６</t>
  </si>
  <si>
    <t>0855-22-1324</t>
  </si>
  <si>
    <t>ローソン　浜田日脚店</t>
  </si>
  <si>
    <t>697-1322</t>
  </si>
  <si>
    <t>島根県浜田市日脚町２８０‐１</t>
  </si>
  <si>
    <t>0855-24-7124</t>
  </si>
  <si>
    <t>ローソン　浜乃木店</t>
  </si>
  <si>
    <t>島根県松江市浜乃木６‐１８‐１</t>
  </si>
  <si>
    <t>0852-28-3213</t>
  </si>
  <si>
    <t>ローソン・ポプラ　浜田笠柄店</t>
  </si>
  <si>
    <t>島根県浜田市原井町９９３‐１</t>
  </si>
  <si>
    <t>0855-25-1524</t>
  </si>
  <si>
    <t>ローソン　出雲荒茅店</t>
  </si>
  <si>
    <t>693-0044</t>
  </si>
  <si>
    <t>島根県出雲市荒茅町３３３３‐１</t>
  </si>
  <si>
    <t>0853-28-3518</t>
  </si>
  <si>
    <t>ローソン　出雲インター店</t>
  </si>
  <si>
    <t>699-0821</t>
  </si>
  <si>
    <t>島根県出雲市大島町字下井手１１４‐２</t>
  </si>
  <si>
    <t>0853-43-3820</t>
  </si>
  <si>
    <t>ローソン　出雲駅南店</t>
  </si>
  <si>
    <t>島根県出雲市駅南町２‐５‐１</t>
  </si>
  <si>
    <t>0853-30-1016</t>
  </si>
  <si>
    <t>ローソン　出雲江田店</t>
  </si>
  <si>
    <t>693-0056</t>
  </si>
  <si>
    <t>島根県出雲市江田町８７‐１</t>
  </si>
  <si>
    <t>0853-23-2988</t>
  </si>
  <si>
    <t>ローソン　出雲枝大津町店</t>
  </si>
  <si>
    <t>693-0017</t>
  </si>
  <si>
    <t>島根県出雲市枝大津町１４‐４</t>
  </si>
  <si>
    <t>0853-23-1552</t>
  </si>
  <si>
    <t>ローソン　湖陵店</t>
  </si>
  <si>
    <t>699-0811</t>
  </si>
  <si>
    <t>島根県出雲市湖陵町差海３８５‐１</t>
  </si>
  <si>
    <t>0853-43-3730</t>
  </si>
  <si>
    <t>ローソン　松江御手船場町店</t>
  </si>
  <si>
    <t>690-0007</t>
  </si>
  <si>
    <t>島根県松江市御手船場町５７８</t>
  </si>
  <si>
    <t>0852-24-1615</t>
  </si>
  <si>
    <t>ローソン　松江ガーデンコート店</t>
  </si>
  <si>
    <t>島根県松江市東津田町字寺後９２９‐１７</t>
  </si>
  <si>
    <t>0852-59-9017</t>
  </si>
  <si>
    <t>ローソン　松江西津田一丁目店</t>
  </si>
  <si>
    <t>島根県松江市西津田１‐７‐３２</t>
  </si>
  <si>
    <t>0852-22-7111</t>
  </si>
  <si>
    <t>ローソン　松江西津田六丁目店</t>
  </si>
  <si>
    <t>島根県松江市西津田６‐２‐５</t>
  </si>
  <si>
    <t>0852-24-6567</t>
  </si>
  <si>
    <t>ローソン　松江東朝日店</t>
  </si>
  <si>
    <t>690-0001</t>
  </si>
  <si>
    <t>島根県松江市東朝日町宮ノ沖７３‐５</t>
  </si>
  <si>
    <t>0852-26-5881</t>
  </si>
  <si>
    <t>ローソン　松江東朝日小浜店</t>
  </si>
  <si>
    <t>島根県松江市東朝日町字小浜２４３‐１</t>
  </si>
  <si>
    <t>0852-25-4404</t>
  </si>
  <si>
    <t>ローソン　松江東津田町店</t>
  </si>
  <si>
    <t>島根県松江市東津田町字溜池４２４‐２</t>
  </si>
  <si>
    <t>0852-26-8761</t>
  </si>
  <si>
    <t>ローソン　松江東津田町南店</t>
  </si>
  <si>
    <t>島根県松江市東津田町１６１４‐３</t>
  </si>
  <si>
    <t>0852-60-0122</t>
  </si>
  <si>
    <t>ローソン・ポプラ　松江寺町店</t>
  </si>
  <si>
    <t>690-0063</t>
  </si>
  <si>
    <t>島根県松江市寺町１９９‐１</t>
  </si>
  <si>
    <t>0852-60-7590</t>
  </si>
  <si>
    <t>ローソン　松江駅前店</t>
  </si>
  <si>
    <t>島根県松江市朝日町４７８‐１８</t>
  </si>
  <si>
    <t>0852-60-0285</t>
  </si>
  <si>
    <t>ローソン　松江坂本町店</t>
  </si>
  <si>
    <t>690-0813</t>
  </si>
  <si>
    <t>島根県松江市坂本町字角田２０‐１</t>
  </si>
  <si>
    <t>0852-34-9420</t>
  </si>
  <si>
    <t>ローソン　松江生協病院店</t>
  </si>
  <si>
    <t>島根県松江市西津田８‐８‐８</t>
  </si>
  <si>
    <t>0852-60-9221</t>
  </si>
  <si>
    <t>ローソン　松江総合体育館前店</t>
  </si>
  <si>
    <t>島根県松江市学園南２‐５‐２３</t>
  </si>
  <si>
    <t>0852-32-2673</t>
  </si>
  <si>
    <t>ローソン　松江中原店</t>
  </si>
  <si>
    <t>690-0875</t>
  </si>
  <si>
    <t>島根県松江市外中原町３</t>
  </si>
  <si>
    <t>0852-55-8635</t>
  </si>
  <si>
    <t>ローソン　松江西尾町店</t>
  </si>
  <si>
    <t>690-0835</t>
  </si>
  <si>
    <t>島根県松江市西尾町字岩崎２９‐１</t>
  </si>
  <si>
    <t>0852-39-0509</t>
  </si>
  <si>
    <t>ローソン　松江花街道店</t>
  </si>
  <si>
    <t>690-0037</t>
  </si>
  <si>
    <t>島根県松江市西忌部町字前田６２２‐５</t>
  </si>
  <si>
    <t>0852-33-2212</t>
  </si>
  <si>
    <t>ローソン　出雲市役所前店</t>
  </si>
  <si>
    <t>島根県出雲市渡橋町３‐１２</t>
  </si>
  <si>
    <t>0853-20-0776</t>
  </si>
  <si>
    <t>ローソン　斐川上直江店</t>
  </si>
  <si>
    <t>島根県出雲市斐川町上直江２５２９</t>
  </si>
  <si>
    <t>0853-73-7373</t>
  </si>
  <si>
    <t>ローソン　斐川荒神谷入口店</t>
  </si>
  <si>
    <t>島根県出雲市斐川町直江５０９２‐３</t>
  </si>
  <si>
    <t>0853-73-9055</t>
  </si>
  <si>
    <t>ローソン　斐川荘原店</t>
  </si>
  <si>
    <t>島根県出雲市斐川町学頭２２８‐１</t>
  </si>
  <si>
    <t>0853-72-5128</t>
  </si>
  <si>
    <t>ローソン　松江上乃木九丁目店</t>
  </si>
  <si>
    <t>島根県松江市上乃木９‐１‐４０</t>
  </si>
  <si>
    <t>0852-24-5963</t>
  </si>
  <si>
    <t>ローソン　松江上乃木店</t>
  </si>
  <si>
    <t>島根県松江市上乃木５‐１２‐２５</t>
  </si>
  <si>
    <t>0852-32-2204</t>
  </si>
  <si>
    <t>ローソン　松江宍道町佐々布店</t>
  </si>
  <si>
    <t>島根県松江市宍道町佐々布１６２‐１</t>
  </si>
  <si>
    <t>0852-66-7339</t>
  </si>
  <si>
    <t>ローソン　松江南高校前店</t>
  </si>
  <si>
    <t>島根県松江市上乃木１０‐１‐３</t>
  </si>
  <si>
    <t>0852-60-9383</t>
  </si>
  <si>
    <t>ローソン　湖東中前店</t>
  </si>
  <si>
    <t>島根県松江市山代町９３６</t>
  </si>
  <si>
    <t>0852-32-5181</t>
  </si>
  <si>
    <t>ローソン　松江上乃木二丁目店</t>
  </si>
  <si>
    <t>島根県松江市上乃木２‐２７‐１７</t>
  </si>
  <si>
    <t>0852-25-0580</t>
  </si>
  <si>
    <t>ローソン　松江大庭店</t>
  </si>
  <si>
    <t>島根県松江市大庭町字堂ノ前１１９５‐２</t>
  </si>
  <si>
    <t>0852-59-5980</t>
  </si>
  <si>
    <t>ローソン　松江春日店</t>
  </si>
  <si>
    <t>島根県松江市春日町字松崎３４０‐８</t>
  </si>
  <si>
    <t>0852-59-9001</t>
  </si>
  <si>
    <t>ローソン　松江市立病院店</t>
  </si>
  <si>
    <t>690-0045</t>
  </si>
  <si>
    <t>島根県松江市乃白町３２‐１</t>
  </si>
  <si>
    <t>0852-59-5424</t>
  </si>
  <si>
    <t>07:00～22:00</t>
  </si>
  <si>
    <t>ローソン　松江西浜佐陀店</t>
  </si>
  <si>
    <t>690-0122</t>
  </si>
  <si>
    <t>島根県松江市西浜佐陀町１０６２‐２</t>
  </si>
  <si>
    <t>0852-36-6262</t>
  </si>
  <si>
    <t>ローソン　松江母衣町店</t>
  </si>
  <si>
    <t>690-0886</t>
  </si>
  <si>
    <t>島根県松江市母衣町１１５</t>
  </si>
  <si>
    <t>0852-59-9210</t>
  </si>
  <si>
    <t>ローソン　東出雲ホープフルタウン店</t>
  </si>
  <si>
    <t>699-0112</t>
  </si>
  <si>
    <t>島根県松江市東出雲町意宇東１‐６‐５</t>
  </si>
  <si>
    <t>0852-53-0112</t>
  </si>
  <si>
    <t>ローソン　安来吉佐店</t>
  </si>
  <si>
    <t>島根県安来市吉佐町字宮ノ下１０１７‐１</t>
  </si>
  <si>
    <t>0854-23-7702</t>
  </si>
  <si>
    <t>ローソン　安来伯太店</t>
  </si>
  <si>
    <t>692-0207</t>
  </si>
  <si>
    <t>島根県安来市伯太町東母里５６９‐１</t>
  </si>
  <si>
    <t>0854-37-0707</t>
  </si>
  <si>
    <t>ローソン　安来広瀬店</t>
  </si>
  <si>
    <t>692-0401</t>
  </si>
  <si>
    <t>島根県安来市広瀬町石原９‐１</t>
  </si>
  <si>
    <t>0854-32-3063</t>
  </si>
  <si>
    <t>ローソン　安来南城谷町店</t>
  </si>
  <si>
    <t>島根県安来市安来町字八幡５９８‐１</t>
  </si>
  <si>
    <t>0854-22-5772</t>
  </si>
  <si>
    <t>ローソン　八束東出雲店</t>
  </si>
  <si>
    <t>島根県松江市東出雲町揖屋字中島５１‐１３</t>
  </si>
  <si>
    <t>0852-52-4363</t>
  </si>
  <si>
    <t>ローソン・ポプラ　安来神田店</t>
  </si>
  <si>
    <t>島根県安来市安来町７６７‐１</t>
  </si>
  <si>
    <t>0854-23-7088</t>
  </si>
  <si>
    <t>ローソン　安来今津町店</t>
  </si>
  <si>
    <t>島根県安来市今津町字松ノ前６３２‐１</t>
  </si>
  <si>
    <t>0854-23-2177</t>
  </si>
  <si>
    <t>ローソン　安来折坂町店</t>
  </si>
  <si>
    <t>692-0046</t>
  </si>
  <si>
    <t>島根県安来市折坂町字新開３４‐１３</t>
  </si>
  <si>
    <t>0854-22-3660</t>
  </si>
  <si>
    <t>ローソン　安来黒井田町店</t>
  </si>
  <si>
    <t>島根県安来市黒井田町字油坪２３２‐１</t>
  </si>
  <si>
    <t>0854-23-7190</t>
  </si>
  <si>
    <t>ローソン　安来田頼店</t>
  </si>
  <si>
    <t>692-0067</t>
  </si>
  <si>
    <t>島根県安来市田頼町字本郷２８４‐１</t>
  </si>
  <si>
    <t>0854-28-8126</t>
  </si>
  <si>
    <t>ローソン・ポプラ　安来中海店</t>
  </si>
  <si>
    <t>692-0006</t>
  </si>
  <si>
    <t>島根県安来市西荒島町１８２‐１</t>
  </si>
  <si>
    <t>0854-28-7900</t>
  </si>
  <si>
    <t>ローソン　出雲塩冶有原店</t>
  </si>
  <si>
    <t>693-0023</t>
  </si>
  <si>
    <t>島根県出雲市塩冶有原町５‐３９</t>
  </si>
  <si>
    <t>0853-22-1837</t>
  </si>
  <si>
    <t>ローソン　出雲塩冶町店</t>
  </si>
  <si>
    <t>島根県出雲市塩冶町１１５５</t>
  </si>
  <si>
    <t>0853-23-3141</t>
  </si>
  <si>
    <t>ローソン　出雲多伎店</t>
  </si>
  <si>
    <t>島根県出雲市多伎町多岐８７６‐４</t>
  </si>
  <si>
    <t>0853-86-3887</t>
  </si>
  <si>
    <t>ローソン　大田久手町店</t>
  </si>
  <si>
    <t>694-0052</t>
  </si>
  <si>
    <t>島根県大田市久手町刺鹿字沖代１９１９‐１</t>
  </si>
  <si>
    <t>0854-82-6626</t>
  </si>
  <si>
    <t>ローソン　大田町柳井店</t>
  </si>
  <si>
    <t>島根県大田市大田町大田字綿田イ８２８‐１</t>
  </si>
  <si>
    <t>0854-83-7388</t>
  </si>
  <si>
    <t>ローソン　大田長久町南店</t>
  </si>
  <si>
    <t>島根県大田市長久町長久字中川原ロ２６８‐１２</t>
  </si>
  <si>
    <t>0854-84-8933</t>
  </si>
  <si>
    <t>ローソン　大田宮崎店</t>
  </si>
  <si>
    <t>島根県大田市大田町大田字宮崎ロ９７７‐２</t>
  </si>
  <si>
    <t>0854-84-0808</t>
  </si>
  <si>
    <t>ローソン　島根大田町店</t>
  </si>
  <si>
    <t>島根県大田市大田町大田字南代イ７６‐３</t>
  </si>
  <si>
    <t>0854-84-9023</t>
  </si>
  <si>
    <t>ローソン　江津敬川店</t>
  </si>
  <si>
    <t>699-3162</t>
  </si>
  <si>
    <t>島根県江津市敬川町１３０６‐２２</t>
  </si>
  <si>
    <t>0855-53-5163</t>
  </si>
  <si>
    <t>ローソン　江津嘉久志町店</t>
  </si>
  <si>
    <t>島根県江津市嘉久志町２３０９‐５</t>
  </si>
  <si>
    <t>0855-52-7712</t>
  </si>
  <si>
    <t>ローソン　江津済生会病院前店</t>
  </si>
  <si>
    <t>島根県江津市江津町１０１６‐４１</t>
  </si>
  <si>
    <t>0855-52-5418</t>
  </si>
  <si>
    <t>ローソン　江津桜江町店</t>
  </si>
  <si>
    <t>699-4111</t>
  </si>
  <si>
    <t>島根県江津市桜江町谷住郷２６１１‐１８</t>
  </si>
  <si>
    <t>0855-92-1455</t>
  </si>
  <si>
    <t>ローソン　都野津駅前店</t>
  </si>
  <si>
    <t>695-0021</t>
  </si>
  <si>
    <t>島根県江津市都野津町２２７７‐４</t>
  </si>
  <si>
    <t>0855-53-5040</t>
  </si>
  <si>
    <t>ローソン・ポプラ　石見銀山店</t>
  </si>
  <si>
    <t>島根県大田市仁摩町仁万５２９‐１</t>
  </si>
  <si>
    <t>0854-88-4480</t>
  </si>
  <si>
    <t>ローソン・ポプラ　浜田金城店</t>
  </si>
  <si>
    <t>697-0123</t>
  </si>
  <si>
    <t>島根県浜田市金城町七条６１１‐１</t>
  </si>
  <si>
    <t>0855-42-3150</t>
  </si>
  <si>
    <t>ローソン　出雲駅北店</t>
  </si>
  <si>
    <t>島根県出雲市駅北町２‐１</t>
  </si>
  <si>
    <t>0853-20-1866</t>
  </si>
  <si>
    <t>ローソン　出雲渡橋店</t>
  </si>
  <si>
    <t>島根県出雲市渡橋町１１７１‐１</t>
  </si>
  <si>
    <t>0853-20-0193</t>
  </si>
  <si>
    <t>ローソン　雲南掛合店</t>
  </si>
  <si>
    <t>690-2701</t>
  </si>
  <si>
    <t>島根県雲南市掛合町掛合１８２６‐５</t>
  </si>
  <si>
    <t>0854-62-0677</t>
  </si>
  <si>
    <t>ローソン　雲南三刀屋町店</t>
  </si>
  <si>
    <t>島根県雲南市三刀屋町下熊谷１６２６‐３</t>
  </si>
  <si>
    <t>0854-45-4334</t>
  </si>
  <si>
    <t>ローソン　三刀屋店</t>
  </si>
  <si>
    <t>島根県雲南市三刀屋町下熊谷１７０２‐２</t>
  </si>
  <si>
    <t>0854-45-9012</t>
  </si>
  <si>
    <t>ローソン　三刀屋木次インター店</t>
  </si>
  <si>
    <t>島根県雲南市三刀屋町三刀屋２５‐５</t>
  </si>
  <si>
    <t>0854-45-3846</t>
  </si>
  <si>
    <t>ローソン・ポプラ　飯南赤名店</t>
  </si>
  <si>
    <t>690-3513</t>
  </si>
  <si>
    <t>島根県飯石郡飯南町下赤名３０４‐１</t>
  </si>
  <si>
    <t>0854-76-9290</t>
  </si>
  <si>
    <t>ローソン　出雲大塚店</t>
  </si>
  <si>
    <t>島根県出雲市大塚町７４２</t>
  </si>
  <si>
    <t>0853-24-0018</t>
  </si>
  <si>
    <t>ローソン　出雲知井宮店</t>
  </si>
  <si>
    <t>島根県出雲市知井宮町１８２</t>
  </si>
  <si>
    <t>0853-24-2570</t>
  </si>
  <si>
    <t>ローソン　大田長久店</t>
  </si>
  <si>
    <t>島根県大田市長久町長久ロ４１１‐１</t>
  </si>
  <si>
    <t>0854-84-9041</t>
  </si>
  <si>
    <t>ローソン・ポプラ　出雲医大南町店</t>
  </si>
  <si>
    <t>693-0027</t>
  </si>
  <si>
    <t>島根県出雲市医大南町１‐２８‐１</t>
  </si>
  <si>
    <t>0853-20-1185</t>
  </si>
  <si>
    <t>ローソン・ポプラ　大田中央店</t>
  </si>
  <si>
    <t>島根県大田市長久町長久ロ１７５‐１</t>
  </si>
  <si>
    <t>0854-86-8989</t>
  </si>
  <si>
    <t>ローソン・ポプラ　川本因原店</t>
  </si>
  <si>
    <t>島根県邑智郡川本町因原５０８‐２</t>
  </si>
  <si>
    <t>0855-72-2812</t>
  </si>
  <si>
    <t>ローソン・ポプラ　美郷町粕渕店</t>
  </si>
  <si>
    <t>699-4621</t>
  </si>
  <si>
    <t>島根県邑智郡美郷町粕渕１８２‐３</t>
  </si>
  <si>
    <t>0855-75-1051</t>
  </si>
  <si>
    <t>益田市役所</t>
  </si>
  <si>
    <t>698-8650</t>
  </si>
  <si>
    <t>島根県益田市常盤町１番１号</t>
  </si>
  <si>
    <t>0856-31-0100</t>
  </si>
  <si>
    <t>土曜日・日曜日・祝日・年末年始</t>
  </si>
  <si>
    <t>https://www.city.masuda.lg.jp/</t>
  </si>
  <si>
    <t>道の駅　サンピコごうつ</t>
  </si>
  <si>
    <t>島根県江津市後地町995-1</t>
  </si>
  <si>
    <t>0855-55-3151</t>
  </si>
  <si>
    <t>木曜日、年末年始</t>
  </si>
  <si>
    <t>トイレは24時間利用可</t>
  </si>
  <si>
    <t>http://www.3pico.net/</t>
  </si>
  <si>
    <t>江津市子育てサポートセンター</t>
  </si>
  <si>
    <t>島根県江津市江津町1518-1　パレットごうつ内</t>
  </si>
  <si>
    <t>0855-52-0569</t>
  </si>
  <si>
    <t>木曜日、祝祭日、年末年始</t>
  </si>
  <si>
    <t>https://www.kosodate-hitomaro.jp/</t>
  </si>
  <si>
    <t>パレットごうつ</t>
  </si>
  <si>
    <t>島根県江津市江津町1518-1</t>
  </si>
  <si>
    <t>0855-52-7820</t>
  </si>
  <si>
    <t>http://palette52.jp</t>
  </si>
  <si>
    <t>松江イングリッシュガーデン</t>
  </si>
  <si>
    <t>島根県松江市西浜佐陀町330-2</t>
  </si>
  <si>
    <t>0852-61-1155</t>
  </si>
  <si>
    <t>浦の谷子ども広場</t>
  </si>
  <si>
    <t>684-0211</t>
  </si>
  <si>
    <t>島根県隠岐郡西ノ島町大字浦郷</t>
  </si>
  <si>
    <t>ボウル　JAC</t>
  </si>
  <si>
    <t>島根県浜田市浅井町1508-5</t>
  </si>
  <si>
    <t>0855-22-1186</t>
  </si>
  <si>
    <t>平日9:00～25:00、日9:00～25:00、金土祝前日9:00～27:00</t>
  </si>
  <si>
    <t>http://www.hamasyo.co.jp</t>
  </si>
  <si>
    <t>鹿島総合体育館</t>
  </si>
  <si>
    <t>690-3331</t>
  </si>
  <si>
    <t>島根県松江市鹿島町佐陀本郷76番地</t>
  </si>
  <si>
    <t>0852-82-3331</t>
  </si>
  <si>
    <t>http://www.kashima-hall.com</t>
  </si>
  <si>
    <t>松江市市民活動センター</t>
  </si>
  <si>
    <t>690-0061</t>
  </si>
  <si>
    <t>島根県松江市白潟本町43番地</t>
  </si>
  <si>
    <t>0852-32-0892</t>
  </si>
  <si>
    <t>毎月第２水曜日</t>
  </si>
  <si>
    <t>２階託児室9:00～17:00その他の設備8:30～22：00</t>
  </si>
  <si>
    <t>http://www.minkatsu-ringring.net/</t>
  </si>
  <si>
    <t>松江市本庁舎本館</t>
  </si>
  <si>
    <t>690-8540</t>
  </si>
  <si>
    <t>島根県松江市末次町86番地</t>
  </si>
  <si>
    <t>0852-55-5555</t>
  </si>
  <si>
    <t>土日祝日、年末年始（12/29～1/３）</t>
  </si>
  <si>
    <t>http://www.city.matsue.shimane.jp/</t>
  </si>
  <si>
    <t>松江市総合体育館（駐車場は有料となります）</t>
  </si>
  <si>
    <t>島根県松江市学園南一丁目21番１号</t>
  </si>
  <si>
    <t>0852-25-1700</t>
  </si>
  <si>
    <t>12/29～翌年1/3その他月１日の臨時休館日あり。</t>
  </si>
  <si>
    <t>9:00～22:00（大会等の場合は部分的に使用できない設備があります。）</t>
  </si>
  <si>
    <t>100満ボルト　松江本店</t>
  </si>
  <si>
    <t>島根県松江市乃白町496番４</t>
  </si>
  <si>
    <t>0852-28-6800</t>
  </si>
  <si>
    <t>別府港ターミナル</t>
  </si>
  <si>
    <t>684-0303</t>
  </si>
  <si>
    <t>島根県隠岐郡西ノ島町大字美田4386-3</t>
  </si>
  <si>
    <t>吉賀町福祉センター</t>
  </si>
  <si>
    <t>699-5513</t>
  </si>
  <si>
    <t>島根県鹿足郡吉賀町六日市580番地4</t>
  </si>
  <si>
    <t>0856-77-0136</t>
  </si>
  <si>
    <t>土日祝祭日、年末年始等</t>
  </si>
  <si>
    <t>午前8:15～午後5:15</t>
  </si>
  <si>
    <t>吉賀町役場</t>
  </si>
  <si>
    <t>島根県鹿足郡吉賀町六日市750番地</t>
  </si>
  <si>
    <t>0856-77-1111</t>
  </si>
  <si>
    <t>午前8:30～午後5:15</t>
  </si>
  <si>
    <t>www.town.yoshika.lg.jp</t>
  </si>
  <si>
    <t>吉賀町役場　柿木庁舎</t>
  </si>
  <si>
    <t>699-5301</t>
  </si>
  <si>
    <t>島根県鹿足郡吉賀町柿木村柿木500番地1</t>
  </si>
  <si>
    <t>0856-79-2211</t>
  </si>
  <si>
    <t>吉賀町福祉センター内　子育て交流サロン</t>
  </si>
  <si>
    <t>午前10:00～午後3:00</t>
  </si>
  <si>
    <t>ファミリーマート江島大橋店</t>
  </si>
  <si>
    <t>690-1401</t>
  </si>
  <si>
    <t>島根県松江市八束町江島1128-110</t>
  </si>
  <si>
    <t>0852-76-9250</t>
  </si>
  <si>
    <t>ファミリーマート松江袖師店</t>
  </si>
  <si>
    <t>島根県松江市袖師町3-15</t>
  </si>
  <si>
    <t>0852-59-9007</t>
  </si>
  <si>
    <t>ファミリーマート松江八幡店</t>
  </si>
  <si>
    <t>690-0025</t>
  </si>
  <si>
    <t>島根県松江市八幡町796-59</t>
  </si>
  <si>
    <t>0852-38-8011</t>
  </si>
  <si>
    <t>ファミリーマート玉造温泉店</t>
  </si>
  <si>
    <t>島根県松江市玉湯町湯町1198-1</t>
  </si>
  <si>
    <t>0852-62-9552</t>
  </si>
  <si>
    <t>ファミリーマート斐川直江店</t>
  </si>
  <si>
    <t>島根県出雲市斐川町直江4911</t>
  </si>
  <si>
    <t>0853-73-7135</t>
  </si>
  <si>
    <t>ファミリーマート斐川富村店</t>
  </si>
  <si>
    <t>699-0621</t>
  </si>
  <si>
    <t>島根県出雲市斐川町富村681-1</t>
  </si>
  <si>
    <t>0853-73-7760</t>
  </si>
  <si>
    <t>ファミリーマート斐川インター店</t>
  </si>
  <si>
    <t>島根県出雲市斐川町上庄原1610-4</t>
  </si>
  <si>
    <t>0853-73-7112</t>
  </si>
  <si>
    <t>ファミリーマート道の駅本庄店</t>
  </si>
  <si>
    <t>島根県松江市野原町401-8</t>
  </si>
  <si>
    <t>0852-34-9085</t>
  </si>
  <si>
    <t>ファミリーマート松江大輪町店</t>
  </si>
  <si>
    <t>690-0882</t>
  </si>
  <si>
    <t>島根県松江市大輪町414</t>
  </si>
  <si>
    <t>0852-20-7325</t>
  </si>
  <si>
    <t>ファミリーマート松江春日店</t>
  </si>
  <si>
    <t>島根県松江市春日町25-1</t>
  </si>
  <si>
    <t>0852-60-0780</t>
  </si>
  <si>
    <t>ファミリーマート松江竹矢店</t>
  </si>
  <si>
    <t>690-0023</t>
  </si>
  <si>
    <t>島根県松江市竹矢町1746番4</t>
  </si>
  <si>
    <t>0852-38-8115</t>
  </si>
  <si>
    <t>ファミリーマート松江西津田店</t>
  </si>
  <si>
    <t>島根県松江市西津田3-13-19</t>
  </si>
  <si>
    <t>0852-59-9520</t>
  </si>
  <si>
    <t>ファミリーマート松江菅田店</t>
  </si>
  <si>
    <t>島根県松江市菅田町15-1</t>
  </si>
  <si>
    <t>0852-60-1552</t>
  </si>
  <si>
    <t>ファミリーマート松江下東川津店</t>
  </si>
  <si>
    <t>島根県松江市下東川津町161番地1</t>
  </si>
  <si>
    <t>0852-60-2337</t>
  </si>
  <si>
    <t>ファミリーマート東出雲インター店</t>
  </si>
  <si>
    <t>699-0111</t>
  </si>
  <si>
    <t>島根県松江市東出雲町意宇南1-7-1</t>
  </si>
  <si>
    <t>0852-53-0620</t>
  </si>
  <si>
    <t>ファミリーマート斐川黒目店</t>
  </si>
  <si>
    <t>699-0553</t>
  </si>
  <si>
    <t>島根県出雲市斐川町黒目1220</t>
  </si>
  <si>
    <t>0853-63-7106</t>
  </si>
  <si>
    <t>ファミリーマート松江学園南店</t>
  </si>
  <si>
    <t>島根県松江市学園南1-20-12</t>
  </si>
  <si>
    <t>0852-60-9726</t>
  </si>
  <si>
    <t>ファミリーマート平田西店</t>
  </si>
  <si>
    <t>島根県出雲市平田町1863-1</t>
  </si>
  <si>
    <t>0853-63-7010</t>
  </si>
  <si>
    <t>ファミリーマート松江東朝日町店</t>
  </si>
  <si>
    <t>島根県松江市東朝日町88番5</t>
  </si>
  <si>
    <t>0852-60-2331</t>
  </si>
  <si>
    <t>ファミリーマート浜乃木一丁目店</t>
  </si>
  <si>
    <t>島根県松江市浜乃木1丁目14-10</t>
  </si>
  <si>
    <t>0852-60-0046</t>
  </si>
  <si>
    <t>ファミリーマート松江黒田町店</t>
  </si>
  <si>
    <t>島根県松江市黒田町468番1</t>
  </si>
  <si>
    <t>0852-60-2558</t>
  </si>
  <si>
    <t>ファミリーマート松江東津田店</t>
  </si>
  <si>
    <t>島根県松江市東朝日町250-2</t>
  </si>
  <si>
    <t>0852-60-1571</t>
  </si>
  <si>
    <t>ファミリーマート松江乃白店</t>
  </si>
  <si>
    <t>島根県松江市乃白町256-1</t>
  </si>
  <si>
    <t>0852-60-1104</t>
  </si>
  <si>
    <t>ファミリーマート雲南大東店</t>
  </si>
  <si>
    <t>島根県雲南市大東町大東994-1</t>
  </si>
  <si>
    <t>0854-43-8077</t>
  </si>
  <si>
    <t>ファミリーマート雲南木次店</t>
  </si>
  <si>
    <t>島根県雲南市木次町里方1043-1</t>
  </si>
  <si>
    <t>0854-42-8123</t>
  </si>
  <si>
    <t>ファミリーマート雲南加茂店</t>
  </si>
  <si>
    <t>699-1106</t>
  </si>
  <si>
    <t>島根県雲南市加茂町加茂中36-1</t>
  </si>
  <si>
    <t>0854-49-9577</t>
  </si>
  <si>
    <t>ファミリーマート奥出雲三成店</t>
  </si>
  <si>
    <t>島根県仁多郡奥出雲町三成665番地4</t>
  </si>
  <si>
    <t>0854-54-9770</t>
  </si>
  <si>
    <t>ファミリーマート奥出雲横田店</t>
  </si>
  <si>
    <t>島根県仁多郡奥出雲町下横田125番2</t>
  </si>
  <si>
    <t>0854-52-9170</t>
  </si>
  <si>
    <t>ファミリーマート雲南三刀屋店</t>
  </si>
  <si>
    <t>島根県雲南市三刀屋町下熊谷1308-1</t>
  </si>
  <si>
    <t>0854-45-0146</t>
  </si>
  <si>
    <t>ファミリーマート浜乃木六丁目店</t>
  </si>
  <si>
    <t>島根県松江市浜乃木6-29-2</t>
  </si>
  <si>
    <t>0852-20-8555</t>
  </si>
  <si>
    <t>ファミリーマート松江矢田店</t>
  </si>
  <si>
    <t>690-0021</t>
  </si>
  <si>
    <t>島根県松江市矢田町194-2</t>
  </si>
  <si>
    <t>0852-59-9557</t>
  </si>
  <si>
    <t>ファミリーマート安来西赤江店</t>
  </si>
  <si>
    <t>692-0003</t>
  </si>
  <si>
    <t>島根県安来市西赤江町769-1</t>
  </si>
  <si>
    <t>0854-28-9005</t>
  </si>
  <si>
    <t>ファミリーマートAコープしんじ店</t>
  </si>
  <si>
    <t>699-0408</t>
  </si>
  <si>
    <t>島根県松江市宍道町昭和15</t>
  </si>
  <si>
    <t>0852-66-0507</t>
  </si>
  <si>
    <t>ファミリーマートAープこうぶ店</t>
  </si>
  <si>
    <t>690-0802</t>
  </si>
  <si>
    <t>島根県松江市鹿島町南講武721-2</t>
  </si>
  <si>
    <t>0852-82-9077</t>
  </si>
  <si>
    <t>ファミリーマート安来広瀬店</t>
  </si>
  <si>
    <t>島根県安来市広瀬町広瀬1795番1</t>
  </si>
  <si>
    <t>0854-32-9030</t>
  </si>
  <si>
    <t>ファミリーマートJAいずも大社店</t>
  </si>
  <si>
    <t>島根県出雲市大社町北荒木940-1</t>
  </si>
  <si>
    <t>0853-53-8666</t>
  </si>
  <si>
    <t>ファミリーマートJAいずも長浜店</t>
  </si>
  <si>
    <t>693-0041</t>
  </si>
  <si>
    <t>島根県出雲市西園町267-1</t>
  </si>
  <si>
    <t>0853-28-8300</t>
  </si>
  <si>
    <t>ファミリーマート浜山通り店</t>
  </si>
  <si>
    <t>島根県出雲市渡橋町772-1</t>
  </si>
  <si>
    <t>0853-24-9205</t>
  </si>
  <si>
    <t>ファミリーマートJAいずも高松店</t>
  </si>
  <si>
    <t>島根県出雲市白枝町684-5</t>
  </si>
  <si>
    <t>0853-20-1800</t>
  </si>
  <si>
    <t>ファミリーマートいずも神門店</t>
  </si>
  <si>
    <t>693-0034</t>
  </si>
  <si>
    <t>島根県出雲市神門町797番地</t>
  </si>
  <si>
    <t>0853-24-7775</t>
  </si>
  <si>
    <t>ファミリーマート出雲渡橋店</t>
  </si>
  <si>
    <t>島根県出雲市渡橋町1206番</t>
  </si>
  <si>
    <t>0853-24-7514</t>
  </si>
  <si>
    <t>ファミリーマート出雲南本町店</t>
  </si>
  <si>
    <t>693-0003</t>
  </si>
  <si>
    <t>島根県出雲市今市町南本町21-1</t>
  </si>
  <si>
    <t>0853-24-7724</t>
  </si>
  <si>
    <t>ファミリーマートJAいずも大津店</t>
  </si>
  <si>
    <t>693-0011</t>
  </si>
  <si>
    <t>島根県出雲市大津町1697-27</t>
  </si>
  <si>
    <t>0853-20-1501</t>
  </si>
  <si>
    <t>ファミリーマートJAいずもドーム北店</t>
  </si>
  <si>
    <t>島根県出雲市平野町４５８－１</t>
  </si>
  <si>
    <t>0853-20-1340</t>
  </si>
  <si>
    <t>ファミリーマート斐川荘原町店</t>
  </si>
  <si>
    <t>島根県出雲市斐川町荘原町2885-1</t>
  </si>
  <si>
    <t>0853-73-7755</t>
  </si>
  <si>
    <t>ファミリーマートJAいずも塩冶東店</t>
  </si>
  <si>
    <t>693-0022</t>
  </si>
  <si>
    <t>島根県出雲市上塩冶町2646-1</t>
  </si>
  <si>
    <t>0853-24-7703</t>
  </si>
  <si>
    <t>ファミリーマート浜山公園入口店</t>
  </si>
  <si>
    <t>693-0054</t>
  </si>
  <si>
    <t>島根県出雲市浜町505-3</t>
  </si>
  <si>
    <t>0853-24-7337</t>
  </si>
  <si>
    <t>ファミリーマート出雲北本町店</t>
  </si>
  <si>
    <t>島根県出雲市今市町北本町1丁目1番1</t>
  </si>
  <si>
    <t>0853-24-8310</t>
  </si>
  <si>
    <t>ファミリーマート安来黒井田店</t>
  </si>
  <si>
    <t>島根県安来市黒井田町砂田377</t>
  </si>
  <si>
    <t>0854-23-3501</t>
  </si>
  <si>
    <t>ファミリーマート楽山店</t>
  </si>
  <si>
    <t>島根県松江市西川津町4211</t>
  </si>
  <si>
    <t>0852-59-9511</t>
  </si>
  <si>
    <t>ファミリーマート安来飯島店</t>
  </si>
  <si>
    <t>692-0014</t>
  </si>
  <si>
    <t>島根県安来市飯島町藤木275-2</t>
  </si>
  <si>
    <t>0854-23-7267</t>
  </si>
  <si>
    <t>ファミリーマート松江西浜佐陀店</t>
  </si>
  <si>
    <t>島根県松江市西浜佐陀町1024</t>
  </si>
  <si>
    <t>0852-36-4168</t>
  </si>
  <si>
    <t>ファミリーマート外中原町店</t>
  </si>
  <si>
    <t>島根県松江市外中原町99</t>
  </si>
  <si>
    <t>0852-60-0072</t>
  </si>
  <si>
    <t>ファミリーマート松江古志原店</t>
  </si>
  <si>
    <t>島根県松江市古志原5-14-40</t>
  </si>
  <si>
    <t>0852-60-0675</t>
  </si>
  <si>
    <t>ファミリーマート安来鉄工センター店</t>
  </si>
  <si>
    <t>島根県安来市黒井田町2055番1</t>
  </si>
  <si>
    <t>0854-23-7025</t>
  </si>
  <si>
    <t>ファミリーマートJAいずも湖陵店</t>
  </si>
  <si>
    <t>島根県出雲市湖陵町差海710-1</t>
  </si>
  <si>
    <t>0853-43-7660</t>
  </si>
  <si>
    <t>ファミリーマートJAいずも平田店</t>
  </si>
  <si>
    <t>島根県出雲市平田町字中ノ島7698</t>
  </si>
  <si>
    <t>0853-63-7172</t>
  </si>
  <si>
    <t>ファミリーマートJAいずも稲岡店</t>
  </si>
  <si>
    <t>693-0071</t>
  </si>
  <si>
    <t>島根県出雲市稲岡町347-1</t>
  </si>
  <si>
    <t>0853-24-7385</t>
  </si>
  <si>
    <t>ファミリーマートJAいずも小山店</t>
  </si>
  <si>
    <t>島根県出雲市小山町235番3</t>
  </si>
  <si>
    <t>0853-24-9981</t>
  </si>
  <si>
    <t>ファミリーマートJAいずも西出雲店</t>
  </si>
  <si>
    <t>693-0037</t>
  </si>
  <si>
    <t>島根県出雲市西新町2</t>
  </si>
  <si>
    <t>0853-24-7507</t>
  </si>
  <si>
    <t>ファミリーマートJAいずも大社東店</t>
  </si>
  <si>
    <t>島根県出雲市大社町杵築東字ヨセ代40番</t>
  </si>
  <si>
    <t>0853-53-8015</t>
  </si>
  <si>
    <t>ファミリーマートJAいずも高岡店</t>
  </si>
  <si>
    <t>島根県出雲市高岡町410-1</t>
  </si>
  <si>
    <t>0853-24-8520</t>
  </si>
  <si>
    <t>桜江総合センター</t>
  </si>
  <si>
    <t>699-4292</t>
  </si>
  <si>
    <t>島根県江津市桜江町川戸11-1</t>
  </si>
  <si>
    <t>0855-92-1211（桜江支所）</t>
  </si>
  <si>
    <t>なし（ただし、問い合わせは平日8:30～17:15）</t>
  </si>
  <si>
    <t>http://www.city.gotsu.lg.jp/</t>
  </si>
  <si>
    <t>島根県物産観光館</t>
  </si>
  <si>
    <t>島根県松江市殿町１９１</t>
  </si>
  <si>
    <t>0852-22-5758</t>
  </si>
  <si>
    <t>年末年始（12/31～1/1）</t>
  </si>
  <si>
    <t>https://www.shimane-bussan.or.jp/</t>
  </si>
  <si>
    <t>イオン大田店</t>
  </si>
  <si>
    <t>0854-84-0100</t>
  </si>
  <si>
    <t>（株）プラチナ</t>
  </si>
  <si>
    <t>島根県松江市八幡町795-1</t>
  </si>
  <si>
    <t>0852-38-8806</t>
  </si>
  <si>
    <t>http://platinum-inc.jp/</t>
  </si>
  <si>
    <t>イオン益田店</t>
  </si>
  <si>
    <t>698-8505</t>
  </si>
  <si>
    <t>島根県益田市乙吉町イ95-10</t>
  </si>
  <si>
    <t>0856-31-0330</t>
  </si>
  <si>
    <t>道の駅　ゆうひパーク三隅</t>
  </si>
  <si>
    <t>699-3222</t>
  </si>
  <si>
    <t>島根県浜田市三隅町折居220-1</t>
  </si>
  <si>
    <t>0855-32-2800</t>
  </si>
  <si>
    <t>おやこ劇場松江センター</t>
  </si>
  <si>
    <t>690-0874</t>
  </si>
  <si>
    <t>島根県松江市中原町71番地</t>
  </si>
  <si>
    <t>0852-22-4937</t>
  </si>
  <si>
    <t>土・日・祝日・他</t>
  </si>
  <si>
    <t>10:00～16:00</t>
  </si>
  <si>
    <t>https://www.facebook.com/oyakomatsue/</t>
  </si>
  <si>
    <t>タカラスタンダード　浜田ショールーム</t>
  </si>
  <si>
    <t>697-0006</t>
  </si>
  <si>
    <t>島根県浜田市下府町322-6</t>
  </si>
  <si>
    <t>0855-23-6302</t>
  </si>
  <si>
    <t>盆・正月</t>
  </si>
  <si>
    <t>10：00～17：00</t>
  </si>
  <si>
    <t>http://www.takara-standard.co.jp/</t>
  </si>
  <si>
    <t>クリナップ　松江ショールーム</t>
  </si>
  <si>
    <t>島根県松江市玉湯町湯町822-1</t>
  </si>
  <si>
    <t>0852-62-8415</t>
  </si>
  <si>
    <t>水曜日、夏季・冬季休暇</t>
  </si>
  <si>
    <t>http://cleanup.jp/</t>
  </si>
  <si>
    <t>日本調剤島大薬局</t>
  </si>
  <si>
    <t>島根県出雲市塩冶町89-1</t>
  </si>
  <si>
    <t>0853-24-9811</t>
  </si>
  <si>
    <t>土日祝日、年末年始</t>
  </si>
  <si>
    <t>月～金　9:00～19:00</t>
  </si>
  <si>
    <t>https://www.nicho.co.jp/tenpo/simadai/</t>
  </si>
  <si>
    <t>タカラスタンダード　松江ショール－ム</t>
  </si>
  <si>
    <t>島根県松江市大庭町1802-5</t>
  </si>
  <si>
    <t>0852-27-2963</t>
  </si>
  <si>
    <t>無（年末年始・夏期のみ）</t>
  </si>
  <si>
    <t>ラピタ　はまやま店</t>
  </si>
  <si>
    <t>693-0052</t>
  </si>
  <si>
    <t>島根県出雲市松寄下町298-2</t>
  </si>
  <si>
    <t>0853-30-7770</t>
  </si>
  <si>
    <t>9:30~21:00</t>
  </si>
  <si>
    <t>ラピタ　ひらた店</t>
  </si>
  <si>
    <t>島根県出雲市平田町7137</t>
  </si>
  <si>
    <t>0853-63-7300</t>
  </si>
  <si>
    <t>9:30~20:00</t>
  </si>
  <si>
    <t>ラピタ　湖陵店</t>
  </si>
  <si>
    <t>島根県出雲市湖陵町差海708-5</t>
  </si>
  <si>
    <t>0853-43-3535</t>
  </si>
  <si>
    <t>9:30~19:00</t>
  </si>
  <si>
    <t>ローソン　益田須子町店</t>
  </si>
  <si>
    <t>698-0036</t>
  </si>
  <si>
    <t>島根県益田市須子町43-7</t>
  </si>
  <si>
    <t>0856-31-4001</t>
  </si>
  <si>
    <t>ローソン　出雲荻杼町店</t>
  </si>
  <si>
    <t>693-0013</t>
  </si>
  <si>
    <t>島根県出雲市荻杼町474</t>
  </si>
  <si>
    <t>0853-31-9316</t>
  </si>
  <si>
    <t>ローソン　松江学園南店</t>
  </si>
  <si>
    <t>島根県松江市学園南1-22-9</t>
  </si>
  <si>
    <t>0852-21-7120</t>
  </si>
  <si>
    <t>ローソン　東出雲あだかえ店</t>
  </si>
  <si>
    <t>699-0108</t>
  </si>
  <si>
    <t>島根県松江市東出雲町出雲郷字馬湯下473</t>
  </si>
  <si>
    <t>0852-67-5628</t>
  </si>
  <si>
    <t>ローソン　出雲小山町店</t>
  </si>
  <si>
    <t>島根県出雲市小山町504-1</t>
  </si>
  <si>
    <t>0853-24-0117</t>
  </si>
  <si>
    <t>ローソン　浜田田町店</t>
  </si>
  <si>
    <t>697-0026</t>
  </si>
  <si>
    <t>島根県浜田市田町1644</t>
  </si>
  <si>
    <t>0855-25-1324</t>
  </si>
  <si>
    <t>ローソン　松江雑賀町店</t>
  </si>
  <si>
    <t>690-0056</t>
  </si>
  <si>
    <t>島根県松江市雑賀町116</t>
  </si>
  <si>
    <t>0852-67-3557</t>
  </si>
  <si>
    <t>ファミリーマート出雲大社正門前通り店</t>
  </si>
  <si>
    <t>島根県出雲市大社町杵築東366</t>
  </si>
  <si>
    <t>0853-53-8788</t>
  </si>
  <si>
    <t>ファミリーマート島根大学医学部附属病院店</t>
  </si>
  <si>
    <t>0853-24-7610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65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7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7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7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7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7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7" fillId="32" borderId="0" applyNumberFormat="0" applyBorder="0" applyAlignment="0" applyProtection="0">
      <alignment vertical="center"/>
    </xf>
  </cellStyleXfs>
  <cellXfs count="5">
    <xf numFmtId="0" fontId="0" fillId="0" borderId="0" xfId="0">
      <alignment vertical="center"/>
    </xf>
    <xf numFmtId="0" fontId="0" fillId="0" borderId="10" xfId="0" applyBorder="1">
      <alignment vertical="center"/>
    </xf>
    <xf numFmtId="0" fontId="0" fillId="0" borderId="10" xfId="0" applyBorder="1" applyAlignment="1">
      <alignment vertical="center" wrapText="1"/>
    </xf>
    <xf numFmtId="46" fontId="0" fillId="0" borderId="10" xfId="0" applyNumberFormat="1" applyBorder="1">
      <alignment vertical="center"/>
    </xf>
    <xf numFmtId="0" fontId="0" fillId="0" borderId="10" xfId="0" applyFill="1" applyBorder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494"/>
  <sheetViews>
    <sheetView tabSelected="1" workbookViewId="0"/>
  </sheetViews>
  <sheetFormatPr defaultRowHeight="20.100000000000001" customHeight="1" x14ac:dyDescent="0.4"/>
  <cols>
    <col min="1" max="1" width="26.5" customWidth="1"/>
    <col min="3" max="3" width="24.75" customWidth="1"/>
    <col min="5" max="5" width="14.5" customWidth="1"/>
    <col min="6" max="6" width="15.5" customWidth="1"/>
    <col min="7" max="7" width="24.75" customWidth="1"/>
    <col min="8" max="8" width="26.5" customWidth="1"/>
  </cols>
  <sheetData>
    <row r="1" spans="1:16" ht="20.100000000000001" customHeight="1" x14ac:dyDescent="0.4">
      <c r="A1" s="4" t="s">
        <v>0</v>
      </c>
      <c r="B1" s="4" t="s">
        <v>1</v>
      </c>
      <c r="C1" s="4" t="s">
        <v>2</v>
      </c>
      <c r="D1" s="4" t="s">
        <v>3</v>
      </c>
      <c r="E1" s="4" t="s">
        <v>4</v>
      </c>
      <c r="F1" s="4" t="s">
        <v>5</v>
      </c>
      <c r="G1" s="4" t="s">
        <v>6</v>
      </c>
      <c r="H1" s="4" t="s">
        <v>7</v>
      </c>
      <c r="I1" s="4" t="s">
        <v>8</v>
      </c>
      <c r="J1" s="4" t="s">
        <v>9</v>
      </c>
      <c r="K1" s="4" t="s">
        <v>10</v>
      </c>
      <c r="L1" s="4" t="s">
        <v>11</v>
      </c>
      <c r="M1" s="4" t="s">
        <v>12</v>
      </c>
      <c r="N1" s="4" t="s">
        <v>13</v>
      </c>
      <c r="O1" s="4" t="s">
        <v>14</v>
      </c>
      <c r="P1" s="4" t="s">
        <v>15</v>
      </c>
    </row>
    <row r="2" spans="1:16" ht="20.100000000000001" customHeight="1" x14ac:dyDescent="0.4">
      <c r="A2" s="1" t="s">
        <v>16</v>
      </c>
      <c r="B2" s="1" t="s">
        <v>17</v>
      </c>
      <c r="C2" s="1" t="s">
        <v>18</v>
      </c>
      <c r="D2" s="1" t="s">
        <v>19</v>
      </c>
      <c r="E2" s="1" t="s">
        <v>20</v>
      </c>
      <c r="F2" s="1" t="s">
        <v>21</v>
      </c>
      <c r="G2" s="1" t="s">
        <v>22</v>
      </c>
      <c r="H2" s="1" t="s">
        <v>23</v>
      </c>
      <c r="I2" s="1" t="s">
        <v>24</v>
      </c>
      <c r="J2" s="1" t="s">
        <v>24</v>
      </c>
      <c r="K2" s="1" t="s">
        <v>25</v>
      </c>
      <c r="L2" s="1" t="s">
        <v>25</v>
      </c>
      <c r="M2" s="1" t="s">
        <v>24</v>
      </c>
      <c r="N2" s="1" t="s">
        <v>24</v>
      </c>
      <c r="O2" s="1">
        <v>35.496750900000002</v>
      </c>
      <c r="P2" s="1">
        <v>132.87403760000001</v>
      </c>
    </row>
    <row r="3" spans="1:16" ht="20.100000000000001" customHeight="1" x14ac:dyDescent="0.4">
      <c r="A3" s="1" t="s">
        <v>26</v>
      </c>
      <c r="B3" s="1" t="s">
        <v>27</v>
      </c>
      <c r="C3" s="1" t="s">
        <v>28</v>
      </c>
      <c r="D3" s="1" t="s">
        <v>29</v>
      </c>
      <c r="E3" s="1" t="s">
        <v>30</v>
      </c>
      <c r="F3" s="1" t="s">
        <v>21</v>
      </c>
      <c r="G3" s="1" t="s">
        <v>31</v>
      </c>
      <c r="H3" s="1"/>
      <c r="I3" s="1" t="s">
        <v>24</v>
      </c>
      <c r="J3" s="1" t="s">
        <v>24</v>
      </c>
      <c r="K3" s="1" t="s">
        <v>24</v>
      </c>
      <c r="L3" s="1" t="s">
        <v>24</v>
      </c>
      <c r="M3" s="1" t="s">
        <v>24</v>
      </c>
      <c r="N3" s="1" t="s">
        <v>24</v>
      </c>
      <c r="O3" s="1">
        <v>34.900013299999998</v>
      </c>
      <c r="P3" s="1">
        <v>132.0715562</v>
      </c>
    </row>
    <row r="4" spans="1:16" ht="20.100000000000001" customHeight="1" x14ac:dyDescent="0.4">
      <c r="A4" s="1" t="s">
        <v>32</v>
      </c>
      <c r="B4" s="1" t="s">
        <v>33</v>
      </c>
      <c r="C4" s="1" t="s">
        <v>34</v>
      </c>
      <c r="D4" s="1" t="s">
        <v>35</v>
      </c>
      <c r="E4" s="1" t="s">
        <v>36</v>
      </c>
      <c r="F4" s="1" t="s">
        <v>21</v>
      </c>
      <c r="G4" s="1" t="s">
        <v>37</v>
      </c>
      <c r="H4" s="1" t="s">
        <v>38</v>
      </c>
      <c r="I4" s="1" t="s">
        <v>24</v>
      </c>
      <c r="J4" s="1" t="s">
        <v>25</v>
      </c>
      <c r="K4" s="1" t="s">
        <v>24</v>
      </c>
      <c r="L4" s="1" t="s">
        <v>25</v>
      </c>
      <c r="M4" s="1" t="s">
        <v>24</v>
      </c>
      <c r="N4" s="1" t="s">
        <v>24</v>
      </c>
      <c r="O4" s="1">
        <v>34.675394900000001</v>
      </c>
      <c r="P4" s="1">
        <v>131.84465349999999</v>
      </c>
    </row>
    <row r="5" spans="1:16" ht="20.100000000000001" customHeight="1" x14ac:dyDescent="0.4">
      <c r="A5" s="1" t="s">
        <v>39</v>
      </c>
      <c r="B5" s="1" t="s">
        <v>40</v>
      </c>
      <c r="C5" s="1" t="s">
        <v>41</v>
      </c>
      <c r="D5" s="1" t="s">
        <v>29</v>
      </c>
      <c r="E5" s="1" t="s">
        <v>42</v>
      </c>
      <c r="F5" s="1"/>
      <c r="G5" s="1" t="s">
        <v>43</v>
      </c>
      <c r="H5" s="1"/>
      <c r="I5" s="1" t="s">
        <v>24</v>
      </c>
      <c r="J5" s="1" t="s">
        <v>25</v>
      </c>
      <c r="K5" s="1" t="s">
        <v>24</v>
      </c>
      <c r="L5" s="1" t="s">
        <v>25</v>
      </c>
      <c r="M5" s="1" t="s">
        <v>24</v>
      </c>
      <c r="N5" s="1" t="s">
        <v>24</v>
      </c>
      <c r="O5" s="1">
        <v>34.897216700000001</v>
      </c>
      <c r="P5" s="1">
        <v>132.083708</v>
      </c>
    </row>
    <row r="6" spans="1:16" ht="20.100000000000001" customHeight="1" x14ac:dyDescent="0.4">
      <c r="A6" s="1" t="s">
        <v>44</v>
      </c>
      <c r="B6" s="1" t="s">
        <v>45</v>
      </c>
      <c r="C6" s="1" t="s">
        <v>46</v>
      </c>
      <c r="D6" s="1" t="s">
        <v>47</v>
      </c>
      <c r="E6" s="1" t="s">
        <v>48</v>
      </c>
      <c r="F6" s="1" t="s">
        <v>21</v>
      </c>
      <c r="G6" s="1"/>
      <c r="H6" s="1" t="s">
        <v>49</v>
      </c>
      <c r="I6" s="1" t="s">
        <v>24</v>
      </c>
      <c r="J6" s="1" t="s">
        <v>25</v>
      </c>
      <c r="K6" s="1" t="s">
        <v>25</v>
      </c>
      <c r="L6" s="1" t="s">
        <v>25</v>
      </c>
      <c r="M6" s="1" t="s">
        <v>24</v>
      </c>
      <c r="N6" s="1" t="s">
        <v>24</v>
      </c>
      <c r="O6" s="1">
        <v>35.227274000000001</v>
      </c>
      <c r="P6" s="1">
        <v>133.08669169999999</v>
      </c>
    </row>
    <row r="7" spans="1:16" ht="20.100000000000001" customHeight="1" x14ac:dyDescent="0.4">
      <c r="A7" s="1" t="s">
        <v>50</v>
      </c>
      <c r="B7" s="1" t="s">
        <v>51</v>
      </c>
      <c r="C7" s="1" t="s">
        <v>52</v>
      </c>
      <c r="D7" s="1" t="s">
        <v>53</v>
      </c>
      <c r="E7" s="1" t="s">
        <v>54</v>
      </c>
      <c r="F7" s="1" t="s">
        <v>55</v>
      </c>
      <c r="G7" s="1" t="s">
        <v>56</v>
      </c>
      <c r="H7" s="1"/>
      <c r="I7" s="1" t="s">
        <v>24</v>
      </c>
      <c r="J7" s="1" t="s">
        <v>25</v>
      </c>
      <c r="K7" s="1" t="s">
        <v>24</v>
      </c>
      <c r="L7" s="1" t="s">
        <v>25</v>
      </c>
      <c r="M7" s="1" t="s">
        <v>24</v>
      </c>
      <c r="N7" s="1" t="s">
        <v>24</v>
      </c>
      <c r="O7" s="1">
        <v>35.478136900000003</v>
      </c>
      <c r="P7" s="1">
        <v>132.98088480000001</v>
      </c>
    </row>
    <row r="8" spans="1:16" ht="20.100000000000001" customHeight="1" x14ac:dyDescent="0.4">
      <c r="A8" s="1" t="s">
        <v>57</v>
      </c>
      <c r="B8" s="1" t="s">
        <v>58</v>
      </c>
      <c r="C8" s="1" t="s">
        <v>59</v>
      </c>
      <c r="D8" s="1" t="s">
        <v>53</v>
      </c>
      <c r="E8" s="1" t="s">
        <v>60</v>
      </c>
      <c r="F8" s="1" t="s">
        <v>61</v>
      </c>
      <c r="G8" s="1" t="s">
        <v>62</v>
      </c>
      <c r="H8" s="1" t="s">
        <v>63</v>
      </c>
      <c r="I8" s="1" t="s">
        <v>24</v>
      </c>
      <c r="J8" s="1" t="s">
        <v>24</v>
      </c>
      <c r="K8" s="1" t="s">
        <v>25</v>
      </c>
      <c r="L8" s="1" t="s">
        <v>25</v>
      </c>
      <c r="M8" s="1" t="s">
        <v>24</v>
      </c>
      <c r="N8" s="1" t="s">
        <v>24</v>
      </c>
      <c r="O8" s="1">
        <v>35.426214799999997</v>
      </c>
      <c r="P8" s="1">
        <v>133.09020090000001</v>
      </c>
    </row>
    <row r="9" spans="1:16" ht="20.100000000000001" customHeight="1" x14ac:dyDescent="0.4">
      <c r="A9" s="1" t="s">
        <v>64</v>
      </c>
      <c r="B9" s="1" t="s">
        <v>65</v>
      </c>
      <c r="C9" s="1" t="s">
        <v>66</v>
      </c>
      <c r="D9" s="1" t="s">
        <v>53</v>
      </c>
      <c r="E9" s="1" t="s">
        <v>67</v>
      </c>
      <c r="F9" s="1" t="s">
        <v>68</v>
      </c>
      <c r="G9" s="1" t="s">
        <v>31</v>
      </c>
      <c r="H9" s="1" t="s">
        <v>69</v>
      </c>
      <c r="I9" s="1" t="s">
        <v>24</v>
      </c>
      <c r="J9" s="1" t="s">
        <v>24</v>
      </c>
      <c r="K9" s="1" t="s">
        <v>24</v>
      </c>
      <c r="L9" s="1" t="s">
        <v>24</v>
      </c>
      <c r="M9" s="1" t="s">
        <v>24</v>
      </c>
      <c r="N9" s="1" t="s">
        <v>24</v>
      </c>
      <c r="O9" s="1">
        <v>35.472745199999999</v>
      </c>
      <c r="P9" s="1">
        <v>133.05296609999999</v>
      </c>
    </row>
    <row r="10" spans="1:16" ht="20.100000000000001" customHeight="1" x14ac:dyDescent="0.4">
      <c r="A10" s="1" t="s">
        <v>70</v>
      </c>
      <c r="B10" s="1" t="s">
        <v>71</v>
      </c>
      <c r="C10" s="1" t="s">
        <v>72</v>
      </c>
      <c r="D10" s="1" t="s">
        <v>29</v>
      </c>
      <c r="E10" s="1" t="s">
        <v>73</v>
      </c>
      <c r="F10" s="1" t="s">
        <v>74</v>
      </c>
      <c r="G10" s="1" t="s">
        <v>62</v>
      </c>
      <c r="H10" s="1" t="s">
        <v>75</v>
      </c>
      <c r="I10" s="1" t="s">
        <v>24</v>
      </c>
      <c r="J10" s="1" t="s">
        <v>24</v>
      </c>
      <c r="K10" s="1" t="s">
        <v>25</v>
      </c>
      <c r="L10" s="1" t="s">
        <v>25</v>
      </c>
      <c r="M10" s="1" t="s">
        <v>24</v>
      </c>
      <c r="N10" s="1" t="s">
        <v>24</v>
      </c>
      <c r="O10" s="1">
        <v>34.782428600000003</v>
      </c>
      <c r="P10" s="1">
        <v>131.95658320000001</v>
      </c>
    </row>
    <row r="11" spans="1:16" ht="20.100000000000001" customHeight="1" x14ac:dyDescent="0.4">
      <c r="A11" s="1" t="s">
        <v>76</v>
      </c>
      <c r="B11" s="1" t="s">
        <v>77</v>
      </c>
      <c r="C11" s="1" t="s">
        <v>78</v>
      </c>
      <c r="D11" s="1" t="s">
        <v>19</v>
      </c>
      <c r="E11" s="1" t="s">
        <v>79</v>
      </c>
      <c r="F11" s="1" t="s">
        <v>21</v>
      </c>
      <c r="G11" s="1" t="s">
        <v>80</v>
      </c>
      <c r="H11" s="1"/>
      <c r="I11" s="1" t="s">
        <v>24</v>
      </c>
      <c r="J11" s="1" t="s">
        <v>25</v>
      </c>
      <c r="K11" s="1" t="s">
        <v>25</v>
      </c>
      <c r="L11" s="1" t="s">
        <v>25</v>
      </c>
      <c r="M11" s="1" t="s">
        <v>24</v>
      </c>
      <c r="N11" s="1" t="s">
        <v>24</v>
      </c>
      <c r="O11" s="1">
        <v>35.373036599999999</v>
      </c>
      <c r="P11" s="1">
        <v>132.73685499999999</v>
      </c>
    </row>
    <row r="12" spans="1:16" ht="20.100000000000001" customHeight="1" x14ac:dyDescent="0.4">
      <c r="A12" s="1" t="s">
        <v>81</v>
      </c>
      <c r="B12" s="1" t="s">
        <v>82</v>
      </c>
      <c r="C12" s="1" t="s">
        <v>83</v>
      </c>
      <c r="D12" s="1" t="s">
        <v>84</v>
      </c>
      <c r="E12" s="1" t="s">
        <v>85</v>
      </c>
      <c r="F12" s="1" t="s">
        <v>86</v>
      </c>
      <c r="G12" s="1" t="s">
        <v>87</v>
      </c>
      <c r="H12" s="1" t="s">
        <v>88</v>
      </c>
      <c r="I12" s="1" t="s">
        <v>24</v>
      </c>
      <c r="J12" s="1" t="s">
        <v>25</v>
      </c>
      <c r="K12" s="1" t="s">
        <v>25</v>
      </c>
      <c r="L12" s="1" t="s">
        <v>25</v>
      </c>
      <c r="M12" s="1" t="s">
        <v>24</v>
      </c>
      <c r="N12" s="1" t="s">
        <v>24</v>
      </c>
      <c r="O12" s="1">
        <v>34.966000399999999</v>
      </c>
      <c r="P12" s="1">
        <v>132.47298960000001</v>
      </c>
    </row>
    <row r="13" spans="1:16" ht="20.100000000000001" customHeight="1" x14ac:dyDescent="0.4">
      <c r="A13" s="1" t="s">
        <v>89</v>
      </c>
      <c r="B13" s="1" t="s">
        <v>90</v>
      </c>
      <c r="C13" s="1" t="s">
        <v>91</v>
      </c>
      <c r="D13" s="1" t="s">
        <v>35</v>
      </c>
      <c r="E13" s="1" t="s">
        <v>92</v>
      </c>
      <c r="F13" s="1" t="s">
        <v>21</v>
      </c>
      <c r="G13" s="1" t="s">
        <v>93</v>
      </c>
      <c r="H13" s="1" t="s">
        <v>94</v>
      </c>
      <c r="I13" s="1" t="s">
        <v>24</v>
      </c>
      <c r="J13" s="1" t="s">
        <v>24</v>
      </c>
      <c r="K13" s="1" t="s">
        <v>24</v>
      </c>
      <c r="L13" s="1" t="s">
        <v>24</v>
      </c>
      <c r="M13" s="1" t="s">
        <v>24</v>
      </c>
      <c r="N13" s="1" t="s">
        <v>24</v>
      </c>
      <c r="O13" s="1">
        <v>34.4509063</v>
      </c>
      <c r="P13" s="1">
        <v>131.76260959999999</v>
      </c>
    </row>
    <row r="14" spans="1:16" ht="20.100000000000001" customHeight="1" x14ac:dyDescent="0.4">
      <c r="A14" s="1" t="s">
        <v>95</v>
      </c>
      <c r="B14" s="1" t="s">
        <v>96</v>
      </c>
      <c r="C14" s="1" t="s">
        <v>97</v>
      </c>
      <c r="D14" s="1" t="s">
        <v>53</v>
      </c>
      <c r="E14" s="1" t="s">
        <v>98</v>
      </c>
      <c r="F14" s="1" t="s">
        <v>99</v>
      </c>
      <c r="G14" s="1" t="s">
        <v>62</v>
      </c>
      <c r="H14" s="1" t="s">
        <v>100</v>
      </c>
      <c r="I14" s="1" t="s">
        <v>24</v>
      </c>
      <c r="J14" s="1" t="s">
        <v>24</v>
      </c>
      <c r="K14" s="1" t="s">
        <v>25</v>
      </c>
      <c r="L14" s="1" t="s">
        <v>25</v>
      </c>
      <c r="M14" s="1" t="s">
        <v>24</v>
      </c>
      <c r="N14" s="1" t="s">
        <v>24</v>
      </c>
      <c r="O14" s="1">
        <v>35.435333499999999</v>
      </c>
      <c r="P14" s="1">
        <v>133.25370369999999</v>
      </c>
    </row>
    <row r="15" spans="1:16" ht="20.100000000000001" customHeight="1" x14ac:dyDescent="0.4">
      <c r="A15" s="1" t="s">
        <v>101</v>
      </c>
      <c r="B15" s="1" t="s">
        <v>102</v>
      </c>
      <c r="C15" s="1" t="s">
        <v>103</v>
      </c>
      <c r="D15" s="1" t="s">
        <v>84</v>
      </c>
      <c r="E15" s="1" t="s">
        <v>104</v>
      </c>
      <c r="F15" s="1" t="s">
        <v>105</v>
      </c>
      <c r="G15" s="1" t="s">
        <v>106</v>
      </c>
      <c r="H15" s="1"/>
      <c r="I15" s="1" t="s">
        <v>24</v>
      </c>
      <c r="J15" s="1" t="s">
        <v>24</v>
      </c>
      <c r="K15" s="1" t="s">
        <v>25</v>
      </c>
      <c r="L15" s="1" t="s">
        <v>25</v>
      </c>
      <c r="M15" s="1" t="s">
        <v>24</v>
      </c>
      <c r="N15" s="1" t="s">
        <v>24</v>
      </c>
      <c r="O15" s="1">
        <v>35.199483299999997</v>
      </c>
      <c r="P15" s="1">
        <v>132.49984040000001</v>
      </c>
    </row>
    <row r="16" spans="1:16" ht="20.100000000000001" customHeight="1" x14ac:dyDescent="0.4">
      <c r="A16" s="1" t="s">
        <v>107</v>
      </c>
      <c r="B16" s="1" t="s">
        <v>108</v>
      </c>
      <c r="C16" s="1" t="s">
        <v>109</v>
      </c>
      <c r="D16" s="1" t="s">
        <v>53</v>
      </c>
      <c r="E16" s="1" t="s">
        <v>110</v>
      </c>
      <c r="F16" s="1"/>
      <c r="G16" s="1" t="s">
        <v>111</v>
      </c>
      <c r="H16" s="1"/>
      <c r="I16" s="1" t="s">
        <v>24</v>
      </c>
      <c r="J16" s="1" t="s">
        <v>24</v>
      </c>
      <c r="K16" s="1" t="s">
        <v>25</v>
      </c>
      <c r="L16" s="1" t="s">
        <v>25</v>
      </c>
      <c r="M16" s="1" t="s">
        <v>24</v>
      </c>
      <c r="N16" s="1" t="s">
        <v>24</v>
      </c>
      <c r="O16" s="1">
        <v>35.518244000000003</v>
      </c>
      <c r="P16" s="1">
        <v>133.13658659999999</v>
      </c>
    </row>
    <row r="17" spans="1:16" ht="20.100000000000001" customHeight="1" x14ac:dyDescent="0.4">
      <c r="A17" s="1" t="s">
        <v>112</v>
      </c>
      <c r="B17" s="1" t="s">
        <v>113</v>
      </c>
      <c r="C17" s="1" t="s">
        <v>114</v>
      </c>
      <c r="D17" s="1" t="s">
        <v>53</v>
      </c>
      <c r="E17" s="1" t="s">
        <v>115</v>
      </c>
      <c r="F17" s="1" t="s">
        <v>21</v>
      </c>
      <c r="G17" s="1" t="s">
        <v>116</v>
      </c>
      <c r="H17" s="1" t="s">
        <v>117</v>
      </c>
      <c r="I17" s="1" t="s">
        <v>24</v>
      </c>
      <c r="J17" s="1" t="s">
        <v>25</v>
      </c>
      <c r="K17" s="1" t="s">
        <v>25</v>
      </c>
      <c r="L17" s="1" t="s">
        <v>25</v>
      </c>
      <c r="M17" s="1" t="s">
        <v>24</v>
      </c>
      <c r="N17" s="1" t="s">
        <v>24</v>
      </c>
      <c r="O17" s="1">
        <v>35.380687500000001</v>
      </c>
      <c r="P17" s="1">
        <v>133.19457650000001</v>
      </c>
    </row>
    <row r="18" spans="1:16" ht="20.100000000000001" customHeight="1" x14ac:dyDescent="0.4">
      <c r="A18" s="1" t="s">
        <v>118</v>
      </c>
      <c r="B18" s="1" t="s">
        <v>119</v>
      </c>
      <c r="C18" s="1" t="s">
        <v>120</v>
      </c>
      <c r="D18" s="1" t="s">
        <v>35</v>
      </c>
      <c r="E18" s="1" t="s">
        <v>121</v>
      </c>
      <c r="F18" s="1" t="s">
        <v>122</v>
      </c>
      <c r="G18" s="1" t="s">
        <v>123</v>
      </c>
      <c r="H18" s="1" t="s">
        <v>124</v>
      </c>
      <c r="I18" s="1" t="s">
        <v>24</v>
      </c>
      <c r="J18" s="1" t="s">
        <v>24</v>
      </c>
      <c r="K18" s="1" t="s">
        <v>24</v>
      </c>
      <c r="L18" s="1" t="s">
        <v>24</v>
      </c>
      <c r="M18" s="1" t="s">
        <v>24</v>
      </c>
      <c r="N18" s="1" t="s">
        <v>24</v>
      </c>
      <c r="O18" s="1">
        <v>34.673206200000003</v>
      </c>
      <c r="P18" s="1">
        <v>131.84737269999999</v>
      </c>
    </row>
    <row r="19" spans="1:16" ht="20.100000000000001" customHeight="1" x14ac:dyDescent="0.4">
      <c r="A19" s="1" t="s">
        <v>125</v>
      </c>
      <c r="B19" s="1" t="s">
        <v>126</v>
      </c>
      <c r="C19" s="1" t="s">
        <v>127</v>
      </c>
      <c r="D19" s="1" t="s">
        <v>29</v>
      </c>
      <c r="E19" s="1" t="s">
        <v>128</v>
      </c>
      <c r="F19" s="1" t="s">
        <v>55</v>
      </c>
      <c r="G19" s="1" t="s">
        <v>56</v>
      </c>
      <c r="H19" s="1"/>
      <c r="I19" s="1" t="s">
        <v>25</v>
      </c>
      <c r="J19" s="1" t="s">
        <v>24</v>
      </c>
      <c r="K19" s="1" t="s">
        <v>24</v>
      </c>
      <c r="L19" s="1" t="s">
        <v>25</v>
      </c>
      <c r="M19" s="1" t="s">
        <v>24</v>
      </c>
      <c r="N19" s="1" t="s">
        <v>24</v>
      </c>
      <c r="O19" s="1">
        <v>34.890222999999999</v>
      </c>
      <c r="P19" s="1">
        <v>132.08653849999999</v>
      </c>
    </row>
    <row r="20" spans="1:16" ht="20.100000000000001" customHeight="1" x14ac:dyDescent="0.4">
      <c r="A20" s="1" t="s">
        <v>129</v>
      </c>
      <c r="B20" s="1" t="s">
        <v>130</v>
      </c>
      <c r="C20" s="1" t="s">
        <v>131</v>
      </c>
      <c r="D20" s="1" t="s">
        <v>47</v>
      </c>
      <c r="E20" s="1" t="s">
        <v>132</v>
      </c>
      <c r="F20" s="1"/>
      <c r="G20" s="1" t="s">
        <v>56</v>
      </c>
      <c r="H20" s="1" t="s">
        <v>133</v>
      </c>
      <c r="I20" s="1" t="s">
        <v>24</v>
      </c>
      <c r="J20" s="1" t="s">
        <v>24</v>
      </c>
      <c r="K20" s="1" t="s">
        <v>25</v>
      </c>
      <c r="L20" s="1" t="s">
        <v>25</v>
      </c>
      <c r="M20" s="1" t="s">
        <v>24</v>
      </c>
      <c r="N20" s="1" t="s">
        <v>24</v>
      </c>
      <c r="O20" s="1">
        <v>35.020449399999997</v>
      </c>
      <c r="P20" s="1">
        <v>132.7297834</v>
      </c>
    </row>
    <row r="21" spans="1:16" ht="20.100000000000001" customHeight="1" x14ac:dyDescent="0.4">
      <c r="A21" s="1" t="s">
        <v>134</v>
      </c>
      <c r="B21" s="1" t="s">
        <v>135</v>
      </c>
      <c r="C21" s="1" t="s">
        <v>136</v>
      </c>
      <c r="D21" s="1" t="s">
        <v>84</v>
      </c>
      <c r="E21" s="1" t="s">
        <v>137</v>
      </c>
      <c r="F21" s="1" t="s">
        <v>138</v>
      </c>
      <c r="G21" s="1" t="s">
        <v>139</v>
      </c>
      <c r="H21" s="1" t="s">
        <v>140</v>
      </c>
      <c r="I21" s="1" t="s">
        <v>24</v>
      </c>
      <c r="J21" s="1" t="s">
        <v>24</v>
      </c>
      <c r="K21" s="1" t="s">
        <v>25</v>
      </c>
      <c r="L21" s="1" t="s">
        <v>25</v>
      </c>
      <c r="M21" s="1" t="s">
        <v>24</v>
      </c>
      <c r="N21" s="1" t="s">
        <v>24</v>
      </c>
      <c r="O21" s="1">
        <v>35.148247499999997</v>
      </c>
      <c r="P21" s="1">
        <v>132.4071194</v>
      </c>
    </row>
    <row r="22" spans="1:16" ht="20.100000000000001" customHeight="1" x14ac:dyDescent="0.4">
      <c r="A22" s="1" t="s">
        <v>141</v>
      </c>
      <c r="B22" s="1" t="s">
        <v>102</v>
      </c>
      <c r="C22" s="1" t="s">
        <v>142</v>
      </c>
      <c r="D22" s="1" t="s">
        <v>84</v>
      </c>
      <c r="E22" s="1" t="s">
        <v>143</v>
      </c>
      <c r="F22" s="1" t="s">
        <v>144</v>
      </c>
      <c r="G22" s="1" t="s">
        <v>145</v>
      </c>
      <c r="H22" s="1" t="s">
        <v>140</v>
      </c>
      <c r="I22" s="1" t="s">
        <v>24</v>
      </c>
      <c r="J22" s="1" t="s">
        <v>25</v>
      </c>
      <c r="K22" s="1" t="s">
        <v>25</v>
      </c>
      <c r="L22" s="1" t="s">
        <v>25</v>
      </c>
      <c r="M22" s="1" t="s">
        <v>24</v>
      </c>
      <c r="N22" s="1" t="s">
        <v>24</v>
      </c>
      <c r="O22" s="1">
        <v>35.1943172</v>
      </c>
      <c r="P22" s="1">
        <v>132.49997920000001</v>
      </c>
    </row>
    <row r="23" spans="1:16" ht="20.100000000000001" customHeight="1" x14ac:dyDescent="0.4">
      <c r="A23" s="1" t="s">
        <v>146</v>
      </c>
      <c r="B23" s="1" t="s">
        <v>147</v>
      </c>
      <c r="C23" s="1" t="s">
        <v>148</v>
      </c>
      <c r="D23" s="1" t="s">
        <v>53</v>
      </c>
      <c r="E23" s="1" t="s">
        <v>149</v>
      </c>
      <c r="F23" s="1" t="s">
        <v>21</v>
      </c>
      <c r="G23" s="1" t="s">
        <v>150</v>
      </c>
      <c r="H23" s="1" t="s">
        <v>151</v>
      </c>
      <c r="I23" s="1" t="s">
        <v>24</v>
      </c>
      <c r="J23" s="1" t="s">
        <v>24</v>
      </c>
      <c r="K23" s="1" t="s">
        <v>25</v>
      </c>
      <c r="L23" s="1" t="s">
        <v>25</v>
      </c>
      <c r="M23" s="1" t="s">
        <v>24</v>
      </c>
      <c r="N23" s="1" t="s">
        <v>24</v>
      </c>
      <c r="O23" s="1">
        <v>35.463977100000001</v>
      </c>
      <c r="P23" s="1">
        <v>133.0619906</v>
      </c>
    </row>
    <row r="24" spans="1:16" ht="20.100000000000001" customHeight="1" x14ac:dyDescent="0.4">
      <c r="A24" s="1" t="s">
        <v>152</v>
      </c>
      <c r="B24" s="1" t="s">
        <v>153</v>
      </c>
      <c r="C24" s="1" t="s">
        <v>154</v>
      </c>
      <c r="D24" s="1" t="s">
        <v>35</v>
      </c>
      <c r="E24" s="1" t="s">
        <v>155</v>
      </c>
      <c r="F24" s="1" t="s">
        <v>99</v>
      </c>
      <c r="G24" s="1" t="s">
        <v>156</v>
      </c>
      <c r="H24" s="1" t="s">
        <v>157</v>
      </c>
      <c r="I24" s="1" t="s">
        <v>24</v>
      </c>
      <c r="J24" s="1" t="s">
        <v>25</v>
      </c>
      <c r="K24" s="1" t="s">
        <v>25</v>
      </c>
      <c r="L24" s="1" t="s">
        <v>25</v>
      </c>
      <c r="M24" s="1" t="s">
        <v>24</v>
      </c>
      <c r="N24" s="1" t="s">
        <v>24</v>
      </c>
      <c r="O24" s="1">
        <v>34.689442900000003</v>
      </c>
      <c r="P24" s="1">
        <v>131.80835110000001</v>
      </c>
    </row>
    <row r="25" spans="1:16" ht="20.100000000000001" customHeight="1" x14ac:dyDescent="0.4">
      <c r="A25" s="1" t="s">
        <v>158</v>
      </c>
      <c r="B25" s="1" t="s">
        <v>159</v>
      </c>
      <c r="C25" s="1" t="s">
        <v>160</v>
      </c>
      <c r="D25" s="1" t="s">
        <v>47</v>
      </c>
      <c r="E25" s="1" t="s">
        <v>161</v>
      </c>
      <c r="F25" s="1" t="s">
        <v>162</v>
      </c>
      <c r="G25" s="1" t="s">
        <v>163</v>
      </c>
      <c r="H25" s="1"/>
      <c r="I25" s="1" t="s">
        <v>24</v>
      </c>
      <c r="J25" s="1" t="s">
        <v>24</v>
      </c>
      <c r="K25" s="1" t="s">
        <v>25</v>
      </c>
      <c r="L25" s="1" t="s">
        <v>25</v>
      </c>
      <c r="M25" s="1" t="s">
        <v>24</v>
      </c>
      <c r="N25" s="1" t="s">
        <v>24</v>
      </c>
      <c r="O25" s="1">
        <v>35.1752392</v>
      </c>
      <c r="P25" s="1">
        <v>133.0857671</v>
      </c>
    </row>
    <row r="26" spans="1:16" ht="20.100000000000001" customHeight="1" x14ac:dyDescent="0.4">
      <c r="A26" s="1" t="s">
        <v>164</v>
      </c>
      <c r="B26" s="1" t="s">
        <v>165</v>
      </c>
      <c r="C26" s="1" t="s">
        <v>166</v>
      </c>
      <c r="D26" s="1" t="s">
        <v>53</v>
      </c>
      <c r="E26" s="1" t="s">
        <v>167</v>
      </c>
      <c r="F26" s="1" t="s">
        <v>168</v>
      </c>
      <c r="G26" s="1" t="s">
        <v>169</v>
      </c>
      <c r="H26" s="1" t="s">
        <v>170</v>
      </c>
      <c r="I26" s="1" t="s">
        <v>24</v>
      </c>
      <c r="J26" s="1" t="s">
        <v>24</v>
      </c>
      <c r="K26" s="1" t="s">
        <v>24</v>
      </c>
      <c r="L26" s="1" t="s">
        <v>24</v>
      </c>
      <c r="M26" s="1" t="s">
        <v>24</v>
      </c>
      <c r="N26" s="1" t="s">
        <v>24</v>
      </c>
      <c r="O26" s="1">
        <v>35.447332000000003</v>
      </c>
      <c r="P26" s="1">
        <v>133.08508409999999</v>
      </c>
    </row>
    <row r="27" spans="1:16" ht="20.100000000000001" customHeight="1" x14ac:dyDescent="0.4">
      <c r="A27" s="1" t="s">
        <v>171</v>
      </c>
      <c r="B27" s="1" t="s">
        <v>172</v>
      </c>
      <c r="C27" s="1" t="s">
        <v>173</v>
      </c>
      <c r="D27" s="1" t="s">
        <v>53</v>
      </c>
      <c r="E27" s="1" t="s">
        <v>174</v>
      </c>
      <c r="F27" s="1" t="s">
        <v>175</v>
      </c>
      <c r="G27" s="1" t="s">
        <v>176</v>
      </c>
      <c r="H27" s="1"/>
      <c r="I27" s="1" t="s">
        <v>24</v>
      </c>
      <c r="J27" s="1" t="s">
        <v>25</v>
      </c>
      <c r="K27" s="1" t="s">
        <v>25</v>
      </c>
      <c r="L27" s="1" t="s">
        <v>25</v>
      </c>
      <c r="M27" s="1" t="s">
        <v>24</v>
      </c>
      <c r="N27" s="1" t="s">
        <v>24</v>
      </c>
      <c r="O27" s="1">
        <v>35.460163999999999</v>
      </c>
      <c r="P27" s="1">
        <v>133.0796004</v>
      </c>
    </row>
    <row r="28" spans="1:16" ht="20.100000000000001" customHeight="1" x14ac:dyDescent="0.4">
      <c r="A28" s="1" t="s">
        <v>177</v>
      </c>
      <c r="B28" s="1" t="s">
        <v>178</v>
      </c>
      <c r="C28" s="1" t="s">
        <v>179</v>
      </c>
      <c r="D28" s="1" t="s">
        <v>19</v>
      </c>
      <c r="E28" s="1" t="s">
        <v>180</v>
      </c>
      <c r="F28" s="1" t="s">
        <v>181</v>
      </c>
      <c r="G28" s="1" t="s">
        <v>87</v>
      </c>
      <c r="H28" s="1" t="s">
        <v>182</v>
      </c>
      <c r="I28" s="1" t="s">
        <v>24</v>
      </c>
      <c r="J28" s="1" t="s">
        <v>25</v>
      </c>
      <c r="K28" s="1" t="s">
        <v>25</v>
      </c>
      <c r="L28" s="1" t="s">
        <v>25</v>
      </c>
      <c r="M28" s="1" t="s">
        <v>24</v>
      </c>
      <c r="N28" s="1" t="s">
        <v>24</v>
      </c>
      <c r="O28" s="1">
        <v>35.290781199999998</v>
      </c>
      <c r="P28" s="1">
        <v>132.63247290000001</v>
      </c>
    </row>
    <row r="29" spans="1:16" ht="20.100000000000001" customHeight="1" x14ac:dyDescent="0.4">
      <c r="A29" s="1" t="s">
        <v>183</v>
      </c>
      <c r="B29" s="1" t="s">
        <v>184</v>
      </c>
      <c r="C29" s="1" t="s">
        <v>185</v>
      </c>
      <c r="D29" s="1" t="s">
        <v>53</v>
      </c>
      <c r="E29" s="1" t="s">
        <v>186</v>
      </c>
      <c r="F29" s="1" t="s">
        <v>187</v>
      </c>
      <c r="G29" s="1" t="s">
        <v>188</v>
      </c>
      <c r="H29" s="1" t="s">
        <v>189</v>
      </c>
      <c r="I29" s="1" t="s">
        <v>24</v>
      </c>
      <c r="J29" s="1" t="s">
        <v>25</v>
      </c>
      <c r="K29" s="1" t="s">
        <v>24</v>
      </c>
      <c r="L29" s="1" t="s">
        <v>25</v>
      </c>
      <c r="M29" s="1" t="s">
        <v>24</v>
      </c>
      <c r="N29" s="1" t="s">
        <v>24</v>
      </c>
      <c r="O29" s="1">
        <v>35.469340500000001</v>
      </c>
      <c r="P29" s="1">
        <v>133.0670705</v>
      </c>
    </row>
    <row r="30" spans="1:16" ht="20.100000000000001" customHeight="1" x14ac:dyDescent="0.4">
      <c r="A30" s="1" t="s">
        <v>190</v>
      </c>
      <c r="B30" s="1" t="s">
        <v>191</v>
      </c>
      <c r="C30" s="1" t="s">
        <v>192</v>
      </c>
      <c r="D30" s="1" t="s">
        <v>84</v>
      </c>
      <c r="E30" s="1" t="s">
        <v>193</v>
      </c>
      <c r="F30" s="1" t="s">
        <v>194</v>
      </c>
      <c r="G30" s="1" t="s">
        <v>56</v>
      </c>
      <c r="H30" s="1"/>
      <c r="I30" s="1" t="s">
        <v>24</v>
      </c>
      <c r="J30" s="1" t="s">
        <v>24</v>
      </c>
      <c r="K30" s="1" t="s">
        <v>25</v>
      </c>
      <c r="L30" s="1" t="s">
        <v>24</v>
      </c>
      <c r="M30" s="1" t="s">
        <v>24</v>
      </c>
      <c r="N30" s="1" t="s">
        <v>24</v>
      </c>
      <c r="O30" s="1">
        <v>34.889419599999997</v>
      </c>
      <c r="P30" s="1">
        <v>132.44456940000001</v>
      </c>
    </row>
    <row r="31" spans="1:16" ht="20.100000000000001" customHeight="1" x14ac:dyDescent="0.4">
      <c r="A31" s="1" t="s">
        <v>195</v>
      </c>
      <c r="B31" s="1" t="s">
        <v>196</v>
      </c>
      <c r="C31" s="1" t="s">
        <v>197</v>
      </c>
      <c r="D31" s="1" t="s">
        <v>29</v>
      </c>
      <c r="E31" s="1" t="s">
        <v>198</v>
      </c>
      <c r="F31" s="1" t="s">
        <v>61</v>
      </c>
      <c r="G31" s="1" t="s">
        <v>62</v>
      </c>
      <c r="H31" s="1" t="s">
        <v>199</v>
      </c>
      <c r="I31" s="1" t="s">
        <v>24</v>
      </c>
      <c r="J31" s="1" t="s">
        <v>25</v>
      </c>
      <c r="K31" s="1" t="s">
        <v>25</v>
      </c>
      <c r="L31" s="1" t="s">
        <v>24</v>
      </c>
      <c r="M31" s="1" t="s">
        <v>24</v>
      </c>
      <c r="N31" s="1" t="s">
        <v>24</v>
      </c>
      <c r="O31" s="1">
        <v>34.889538999999999</v>
      </c>
      <c r="P31" s="1">
        <v>132.0633851</v>
      </c>
    </row>
    <row r="32" spans="1:16" ht="20.100000000000001" customHeight="1" x14ac:dyDescent="0.4">
      <c r="A32" s="1" t="s">
        <v>200</v>
      </c>
      <c r="B32" s="1" t="s">
        <v>201</v>
      </c>
      <c r="C32" s="1" t="s">
        <v>202</v>
      </c>
      <c r="D32" s="1" t="s">
        <v>19</v>
      </c>
      <c r="E32" s="1" t="s">
        <v>203</v>
      </c>
      <c r="F32" s="1" t="s">
        <v>204</v>
      </c>
      <c r="G32" s="1" t="s">
        <v>205</v>
      </c>
      <c r="H32" s="1" t="s">
        <v>206</v>
      </c>
      <c r="I32" s="1" t="s">
        <v>24</v>
      </c>
      <c r="J32" s="1" t="s">
        <v>24</v>
      </c>
      <c r="K32" s="1" t="s">
        <v>25</v>
      </c>
      <c r="L32" s="1" t="s">
        <v>25</v>
      </c>
      <c r="M32" s="1" t="s">
        <v>24</v>
      </c>
      <c r="N32" s="1" t="s">
        <v>24</v>
      </c>
      <c r="O32" s="1">
        <v>35.376724500000002</v>
      </c>
      <c r="P32" s="1">
        <v>132.85026329999999</v>
      </c>
    </row>
    <row r="33" spans="1:16" ht="20.100000000000001" customHeight="1" x14ac:dyDescent="0.4">
      <c r="A33" s="1" t="s">
        <v>207</v>
      </c>
      <c r="B33" s="1" t="s">
        <v>208</v>
      </c>
      <c r="C33" s="1" t="s">
        <v>209</v>
      </c>
      <c r="D33" s="1" t="s">
        <v>19</v>
      </c>
      <c r="E33" s="1" t="s">
        <v>210</v>
      </c>
      <c r="F33" s="1" t="s">
        <v>211</v>
      </c>
      <c r="G33" s="1" t="s">
        <v>212</v>
      </c>
      <c r="H33" s="1" t="s">
        <v>213</v>
      </c>
      <c r="I33" s="1" t="s">
        <v>24</v>
      </c>
      <c r="J33" s="1" t="s">
        <v>25</v>
      </c>
      <c r="K33" s="1" t="s">
        <v>24</v>
      </c>
      <c r="L33" s="1" t="s">
        <v>25</v>
      </c>
      <c r="M33" s="1" t="s">
        <v>24</v>
      </c>
      <c r="N33" s="1" t="s">
        <v>24</v>
      </c>
      <c r="O33" s="1">
        <v>35.396033899999999</v>
      </c>
      <c r="P33" s="1">
        <v>132.71143950000001</v>
      </c>
    </row>
    <row r="34" spans="1:16" ht="20.100000000000001" customHeight="1" x14ac:dyDescent="0.4">
      <c r="A34" s="1" t="s">
        <v>214</v>
      </c>
      <c r="B34" s="1" t="s">
        <v>215</v>
      </c>
      <c r="C34" s="1" t="s">
        <v>216</v>
      </c>
      <c r="D34" s="1" t="s">
        <v>53</v>
      </c>
      <c r="E34" s="1" t="s">
        <v>217</v>
      </c>
      <c r="F34" s="1" t="s">
        <v>99</v>
      </c>
      <c r="G34" s="1" t="s">
        <v>218</v>
      </c>
      <c r="H34" s="1"/>
      <c r="I34" s="1" t="s">
        <v>24</v>
      </c>
      <c r="J34" s="1" t="s">
        <v>25</v>
      </c>
      <c r="K34" s="1" t="s">
        <v>24</v>
      </c>
      <c r="L34" s="1" t="s">
        <v>25</v>
      </c>
      <c r="M34" s="1" t="s">
        <v>24</v>
      </c>
      <c r="N34" s="1" t="s">
        <v>24</v>
      </c>
      <c r="O34" s="1">
        <v>35.476158499999997</v>
      </c>
      <c r="P34" s="1">
        <v>133.0447973</v>
      </c>
    </row>
    <row r="35" spans="1:16" ht="20.100000000000001" customHeight="1" x14ac:dyDescent="0.4">
      <c r="A35" s="1" t="s">
        <v>219</v>
      </c>
      <c r="B35" s="1" t="s">
        <v>220</v>
      </c>
      <c r="C35" s="1" t="s">
        <v>221</v>
      </c>
      <c r="D35" s="1" t="s">
        <v>29</v>
      </c>
      <c r="E35" s="1" t="s">
        <v>222</v>
      </c>
      <c r="F35" s="1" t="s">
        <v>61</v>
      </c>
      <c r="G35" s="1" t="s">
        <v>31</v>
      </c>
      <c r="H35" s="1" t="s">
        <v>223</v>
      </c>
      <c r="I35" s="1" t="s">
        <v>24</v>
      </c>
      <c r="J35" s="1" t="s">
        <v>25</v>
      </c>
      <c r="K35" s="1" t="s">
        <v>25</v>
      </c>
      <c r="L35" s="1" t="s">
        <v>25</v>
      </c>
      <c r="M35" s="1" t="s">
        <v>24</v>
      </c>
      <c r="N35" s="1" t="s">
        <v>24</v>
      </c>
      <c r="O35" s="1">
        <v>35.012358999999996</v>
      </c>
      <c r="P35" s="1">
        <v>132.21856109999999</v>
      </c>
    </row>
    <row r="36" spans="1:16" ht="20.100000000000001" customHeight="1" x14ac:dyDescent="0.4">
      <c r="A36" s="1" t="s">
        <v>224</v>
      </c>
      <c r="B36" s="1" t="s">
        <v>225</v>
      </c>
      <c r="C36" s="1" t="s">
        <v>226</v>
      </c>
      <c r="D36" s="1" t="s">
        <v>19</v>
      </c>
      <c r="E36" s="1" t="s">
        <v>227</v>
      </c>
      <c r="F36" s="1" t="s">
        <v>228</v>
      </c>
      <c r="G36" s="1" t="s">
        <v>229</v>
      </c>
      <c r="H36" s="1" t="s">
        <v>230</v>
      </c>
      <c r="I36" s="1" t="s">
        <v>24</v>
      </c>
      <c r="J36" s="1" t="s">
        <v>25</v>
      </c>
      <c r="K36" s="1" t="s">
        <v>24</v>
      </c>
      <c r="L36" s="1" t="s">
        <v>25</v>
      </c>
      <c r="M36" s="1" t="s">
        <v>24</v>
      </c>
      <c r="N36" s="1" t="s">
        <v>24</v>
      </c>
      <c r="O36" s="1">
        <v>35.4294072</v>
      </c>
      <c r="P36" s="1">
        <v>132.82116909999999</v>
      </c>
    </row>
    <row r="37" spans="1:16" ht="20.100000000000001" customHeight="1" x14ac:dyDescent="0.4">
      <c r="A37" s="1" t="s">
        <v>231</v>
      </c>
      <c r="B37" s="1" t="s">
        <v>225</v>
      </c>
      <c r="C37" s="1" t="s">
        <v>232</v>
      </c>
      <c r="D37" s="1" t="s">
        <v>19</v>
      </c>
      <c r="E37" s="1" t="s">
        <v>233</v>
      </c>
      <c r="F37" s="1" t="s">
        <v>234</v>
      </c>
      <c r="G37" s="1" t="s">
        <v>56</v>
      </c>
      <c r="H37" s="1" t="s">
        <v>235</v>
      </c>
      <c r="I37" s="1" t="s">
        <v>24</v>
      </c>
      <c r="J37" s="1" t="s">
        <v>24</v>
      </c>
      <c r="K37" s="1" t="s">
        <v>25</v>
      </c>
      <c r="L37" s="1" t="s">
        <v>25</v>
      </c>
      <c r="M37" s="1" t="s">
        <v>24</v>
      </c>
      <c r="N37" s="1" t="s">
        <v>24</v>
      </c>
      <c r="O37" s="1">
        <v>35.434842799999998</v>
      </c>
      <c r="P37" s="1">
        <v>132.82210760000001</v>
      </c>
    </row>
    <row r="38" spans="1:16" ht="20.100000000000001" customHeight="1" x14ac:dyDescent="0.4">
      <c r="A38" s="1" t="s">
        <v>236</v>
      </c>
      <c r="B38" s="1" t="s">
        <v>237</v>
      </c>
      <c r="C38" s="1" t="s">
        <v>238</v>
      </c>
      <c r="D38" s="1" t="s">
        <v>19</v>
      </c>
      <c r="E38" s="1" t="s">
        <v>239</v>
      </c>
      <c r="F38" s="1" t="s">
        <v>240</v>
      </c>
      <c r="G38" s="1" t="s">
        <v>31</v>
      </c>
      <c r="H38" s="1" t="s">
        <v>241</v>
      </c>
      <c r="I38" s="1" t="s">
        <v>24</v>
      </c>
      <c r="J38" s="1" t="s">
        <v>24</v>
      </c>
      <c r="K38" s="1" t="s">
        <v>25</v>
      </c>
      <c r="L38" s="1" t="s">
        <v>25</v>
      </c>
      <c r="M38" s="1" t="s">
        <v>24</v>
      </c>
      <c r="N38" s="1" t="s">
        <v>24</v>
      </c>
      <c r="O38" s="1">
        <v>35.403385</v>
      </c>
      <c r="P38" s="1">
        <v>132.8712745</v>
      </c>
    </row>
    <row r="39" spans="1:16" ht="20.100000000000001" customHeight="1" x14ac:dyDescent="0.4">
      <c r="A39" s="1" t="s">
        <v>242</v>
      </c>
      <c r="B39" s="1" t="s">
        <v>243</v>
      </c>
      <c r="C39" s="1" t="s">
        <v>244</v>
      </c>
      <c r="D39" s="1" t="s">
        <v>35</v>
      </c>
      <c r="E39" s="1" t="s">
        <v>245</v>
      </c>
      <c r="F39" s="1" t="s">
        <v>21</v>
      </c>
      <c r="G39" s="1" t="s">
        <v>246</v>
      </c>
      <c r="H39" s="1"/>
      <c r="I39" s="1" t="s">
        <v>24</v>
      </c>
      <c r="J39" s="1" t="s">
        <v>25</v>
      </c>
      <c r="K39" s="1" t="s">
        <v>25</v>
      </c>
      <c r="L39" s="1" t="s">
        <v>25</v>
      </c>
      <c r="M39" s="1" t="s">
        <v>24</v>
      </c>
      <c r="N39" s="1" t="s">
        <v>24</v>
      </c>
      <c r="O39" s="1">
        <v>34.679191799999998</v>
      </c>
      <c r="P39" s="1">
        <v>131.85464150000001</v>
      </c>
    </row>
    <row r="40" spans="1:16" ht="20.100000000000001" customHeight="1" x14ac:dyDescent="0.4">
      <c r="A40" s="1" t="s">
        <v>247</v>
      </c>
      <c r="B40" s="1" t="s">
        <v>153</v>
      </c>
      <c r="C40" s="1" t="s">
        <v>248</v>
      </c>
      <c r="D40" s="1" t="s">
        <v>35</v>
      </c>
      <c r="E40" s="1" t="s">
        <v>249</v>
      </c>
      <c r="F40" s="1" t="s">
        <v>21</v>
      </c>
      <c r="G40" s="1" t="s">
        <v>246</v>
      </c>
      <c r="H40" s="1"/>
      <c r="I40" s="1" t="s">
        <v>24</v>
      </c>
      <c r="J40" s="1" t="s">
        <v>25</v>
      </c>
      <c r="K40" s="1" t="s">
        <v>25</v>
      </c>
      <c r="L40" s="1" t="s">
        <v>25</v>
      </c>
      <c r="M40" s="1" t="s">
        <v>24</v>
      </c>
      <c r="N40" s="1" t="s">
        <v>24</v>
      </c>
      <c r="O40" s="1">
        <v>34.690370600000001</v>
      </c>
      <c r="P40" s="1">
        <v>131.80948430000001</v>
      </c>
    </row>
    <row r="41" spans="1:16" ht="20.100000000000001" customHeight="1" x14ac:dyDescent="0.4">
      <c r="A41" s="1" t="s">
        <v>250</v>
      </c>
      <c r="B41" s="1" t="s">
        <v>251</v>
      </c>
      <c r="C41" s="1" t="s">
        <v>252</v>
      </c>
      <c r="D41" s="1" t="s">
        <v>35</v>
      </c>
      <c r="E41" s="1" t="s">
        <v>245</v>
      </c>
      <c r="F41" s="1" t="s">
        <v>21</v>
      </c>
      <c r="G41" s="1" t="s">
        <v>253</v>
      </c>
      <c r="H41" s="1"/>
      <c r="I41" s="1" t="s">
        <v>24</v>
      </c>
      <c r="J41" s="1" t="s">
        <v>25</v>
      </c>
      <c r="K41" s="1" t="s">
        <v>25</v>
      </c>
      <c r="L41" s="1" t="s">
        <v>25</v>
      </c>
      <c r="M41" s="1" t="s">
        <v>24</v>
      </c>
      <c r="N41" s="1" t="s">
        <v>24</v>
      </c>
      <c r="O41" s="1">
        <v>34.683107900000003</v>
      </c>
      <c r="P41" s="1">
        <v>131.83605410000001</v>
      </c>
    </row>
    <row r="42" spans="1:16" ht="20.100000000000001" customHeight="1" x14ac:dyDescent="0.4">
      <c r="A42" s="1" t="s">
        <v>254</v>
      </c>
      <c r="B42" s="1" t="s">
        <v>255</v>
      </c>
      <c r="C42" s="1" t="s">
        <v>256</v>
      </c>
      <c r="D42" s="1" t="s">
        <v>19</v>
      </c>
      <c r="E42" s="1" t="s">
        <v>257</v>
      </c>
      <c r="F42" s="1" t="s">
        <v>258</v>
      </c>
      <c r="G42" s="1" t="s">
        <v>259</v>
      </c>
      <c r="H42" s="1"/>
      <c r="I42" s="1" t="s">
        <v>24</v>
      </c>
      <c r="J42" s="1" t="s">
        <v>24</v>
      </c>
      <c r="K42" s="1" t="s">
        <v>25</v>
      </c>
      <c r="L42" s="1" t="s">
        <v>25</v>
      </c>
      <c r="M42" s="1" t="s">
        <v>24</v>
      </c>
      <c r="N42" s="1" t="s">
        <v>24</v>
      </c>
      <c r="O42" s="1">
        <v>35.3605637</v>
      </c>
      <c r="P42" s="1">
        <v>132.7580202</v>
      </c>
    </row>
    <row r="43" spans="1:16" ht="20.100000000000001" customHeight="1" x14ac:dyDescent="0.4">
      <c r="A43" s="1" t="s">
        <v>260</v>
      </c>
      <c r="B43" s="1" t="s">
        <v>261</v>
      </c>
      <c r="C43" s="1" t="s">
        <v>262</v>
      </c>
      <c r="D43" s="1" t="s">
        <v>19</v>
      </c>
      <c r="E43" s="1" t="s">
        <v>263</v>
      </c>
      <c r="F43" s="1" t="s">
        <v>21</v>
      </c>
      <c r="G43" s="1" t="s">
        <v>264</v>
      </c>
      <c r="H43" s="1" t="s">
        <v>265</v>
      </c>
      <c r="I43" s="1" t="s">
        <v>24</v>
      </c>
      <c r="J43" s="1" t="s">
        <v>24</v>
      </c>
      <c r="K43" s="1" t="s">
        <v>24</v>
      </c>
      <c r="L43" s="1" t="s">
        <v>24</v>
      </c>
      <c r="M43" s="1" t="s">
        <v>24</v>
      </c>
      <c r="N43" s="1" t="s">
        <v>24</v>
      </c>
      <c r="O43" s="1">
        <v>35.3775227</v>
      </c>
      <c r="P43" s="1">
        <v>132.75616969999999</v>
      </c>
    </row>
    <row r="44" spans="1:16" ht="20.100000000000001" customHeight="1" x14ac:dyDescent="0.4">
      <c r="A44" s="1" t="s">
        <v>266</v>
      </c>
      <c r="B44" s="1" t="s">
        <v>267</v>
      </c>
      <c r="C44" s="1" t="s">
        <v>268</v>
      </c>
      <c r="D44" s="1" t="s">
        <v>53</v>
      </c>
      <c r="E44" s="1" t="s">
        <v>269</v>
      </c>
      <c r="F44" s="1" t="s">
        <v>270</v>
      </c>
      <c r="G44" s="1" t="s">
        <v>163</v>
      </c>
      <c r="H44" s="1" t="s">
        <v>271</v>
      </c>
      <c r="I44" s="1" t="s">
        <v>24</v>
      </c>
      <c r="J44" s="1" t="s">
        <v>25</v>
      </c>
      <c r="K44" s="1" t="s">
        <v>24</v>
      </c>
      <c r="L44" s="1" t="s">
        <v>25</v>
      </c>
      <c r="M44" s="1" t="s">
        <v>24</v>
      </c>
      <c r="N44" s="1" t="s">
        <v>24</v>
      </c>
      <c r="O44" s="1">
        <v>35.439937999999998</v>
      </c>
      <c r="P44" s="1">
        <v>133.0514091</v>
      </c>
    </row>
    <row r="45" spans="1:16" ht="20.100000000000001" customHeight="1" x14ac:dyDescent="0.4">
      <c r="A45" s="1" t="s">
        <v>272</v>
      </c>
      <c r="B45" s="1" t="s">
        <v>273</v>
      </c>
      <c r="C45" s="1" t="s">
        <v>274</v>
      </c>
      <c r="D45" s="1" t="s">
        <v>53</v>
      </c>
      <c r="E45" s="1" t="s">
        <v>275</v>
      </c>
      <c r="F45" s="1" t="s">
        <v>276</v>
      </c>
      <c r="G45" s="1" t="s">
        <v>62</v>
      </c>
      <c r="H45" s="1" t="s">
        <v>277</v>
      </c>
      <c r="I45" s="1" t="s">
        <v>24</v>
      </c>
      <c r="J45" s="1" t="s">
        <v>24</v>
      </c>
      <c r="K45" s="1" t="s">
        <v>24</v>
      </c>
      <c r="L45" s="1" t="s">
        <v>25</v>
      </c>
      <c r="M45" s="1" t="s">
        <v>24</v>
      </c>
      <c r="N45" s="1" t="s">
        <v>24</v>
      </c>
      <c r="O45" s="1">
        <v>35.532705700000001</v>
      </c>
      <c r="P45" s="1">
        <v>132.99348449999999</v>
      </c>
    </row>
    <row r="46" spans="1:16" ht="20.100000000000001" customHeight="1" x14ac:dyDescent="0.4">
      <c r="A46" s="1" t="s">
        <v>278</v>
      </c>
      <c r="B46" s="1" t="s">
        <v>279</v>
      </c>
      <c r="C46" s="1" t="s">
        <v>280</v>
      </c>
      <c r="D46" s="1" t="s">
        <v>53</v>
      </c>
      <c r="E46" s="1" t="s">
        <v>281</v>
      </c>
      <c r="F46" s="1" t="s">
        <v>282</v>
      </c>
      <c r="G46" s="1" t="s">
        <v>283</v>
      </c>
      <c r="H46" s="1"/>
      <c r="I46" s="1" t="s">
        <v>24</v>
      </c>
      <c r="J46" s="1" t="s">
        <v>25</v>
      </c>
      <c r="K46" s="1" t="s">
        <v>25</v>
      </c>
      <c r="L46" s="1" t="s">
        <v>25</v>
      </c>
      <c r="M46" s="1" t="s">
        <v>24</v>
      </c>
      <c r="N46" s="1" t="s">
        <v>24</v>
      </c>
      <c r="O46" s="1">
        <v>35.459196900000002</v>
      </c>
      <c r="P46" s="1">
        <v>133.05492469999999</v>
      </c>
    </row>
    <row r="47" spans="1:16" ht="20.100000000000001" customHeight="1" x14ac:dyDescent="0.4">
      <c r="A47" s="1" t="s">
        <v>284</v>
      </c>
      <c r="B47" s="1" t="s">
        <v>285</v>
      </c>
      <c r="C47" s="1" t="s">
        <v>286</v>
      </c>
      <c r="D47" s="1" t="s">
        <v>47</v>
      </c>
      <c r="E47" s="1" t="s">
        <v>287</v>
      </c>
      <c r="F47" s="1" t="s">
        <v>288</v>
      </c>
      <c r="G47" s="1" t="s">
        <v>289</v>
      </c>
      <c r="H47" s="1"/>
      <c r="I47" s="1" t="s">
        <v>24</v>
      </c>
      <c r="J47" s="1" t="s">
        <v>24</v>
      </c>
      <c r="K47" s="1" t="s">
        <v>24</v>
      </c>
      <c r="L47" s="1" t="s">
        <v>25</v>
      </c>
      <c r="M47" s="1" t="s">
        <v>24</v>
      </c>
      <c r="N47" s="1" t="s">
        <v>24</v>
      </c>
      <c r="O47" s="1">
        <v>35.080403699999998</v>
      </c>
      <c r="P47" s="1">
        <v>132.78563170000001</v>
      </c>
    </row>
    <row r="48" spans="1:16" ht="20.100000000000001" customHeight="1" x14ac:dyDescent="0.4">
      <c r="A48" s="1" t="s">
        <v>290</v>
      </c>
      <c r="B48" s="1" t="s">
        <v>285</v>
      </c>
      <c r="C48" s="1" t="s">
        <v>291</v>
      </c>
      <c r="D48" s="1" t="s">
        <v>47</v>
      </c>
      <c r="E48" s="1" t="s">
        <v>292</v>
      </c>
      <c r="F48" s="1" t="s">
        <v>288</v>
      </c>
      <c r="G48" s="1" t="s">
        <v>289</v>
      </c>
      <c r="H48" s="1"/>
      <c r="I48" s="1" t="s">
        <v>24</v>
      </c>
      <c r="J48" s="1" t="s">
        <v>25</v>
      </c>
      <c r="K48" s="1" t="s">
        <v>24</v>
      </c>
      <c r="L48" s="1" t="s">
        <v>24</v>
      </c>
      <c r="M48" s="1" t="s">
        <v>24</v>
      </c>
      <c r="N48" s="1" t="s">
        <v>24</v>
      </c>
      <c r="O48" s="1">
        <v>35.032606600000001</v>
      </c>
      <c r="P48" s="1">
        <v>132.74304889999999</v>
      </c>
    </row>
    <row r="49" spans="1:16" ht="20.100000000000001" customHeight="1" x14ac:dyDescent="0.4">
      <c r="A49" s="1" t="s">
        <v>293</v>
      </c>
      <c r="B49" s="1" t="s">
        <v>285</v>
      </c>
      <c r="C49" s="1" t="s">
        <v>294</v>
      </c>
      <c r="D49" s="1" t="s">
        <v>47</v>
      </c>
      <c r="E49" s="1" t="s">
        <v>295</v>
      </c>
      <c r="F49" s="1" t="s">
        <v>234</v>
      </c>
      <c r="G49" s="1" t="s">
        <v>56</v>
      </c>
      <c r="H49" s="1"/>
      <c r="I49" s="1" t="s">
        <v>24</v>
      </c>
      <c r="J49" s="1" t="s">
        <v>25</v>
      </c>
      <c r="K49" s="1" t="s">
        <v>24</v>
      </c>
      <c r="L49" s="1" t="s">
        <v>24</v>
      </c>
      <c r="M49" s="1" t="s">
        <v>24</v>
      </c>
      <c r="N49" s="1" t="s">
        <v>24</v>
      </c>
      <c r="O49" s="1">
        <v>35.000051399999997</v>
      </c>
      <c r="P49" s="1">
        <v>132.71392410000001</v>
      </c>
    </row>
    <row r="50" spans="1:16" ht="20.100000000000001" customHeight="1" x14ac:dyDescent="0.4">
      <c r="A50" s="1" t="s">
        <v>296</v>
      </c>
      <c r="B50" s="1" t="s">
        <v>297</v>
      </c>
      <c r="C50" s="1" t="s">
        <v>298</v>
      </c>
      <c r="D50" s="1" t="s">
        <v>19</v>
      </c>
      <c r="E50" s="1" t="s">
        <v>299</v>
      </c>
      <c r="F50" s="1" t="s">
        <v>21</v>
      </c>
      <c r="G50" s="1" t="s">
        <v>300</v>
      </c>
      <c r="H50" s="1" t="s">
        <v>301</v>
      </c>
      <c r="I50" s="1" t="s">
        <v>24</v>
      </c>
      <c r="J50" s="1" t="s">
        <v>25</v>
      </c>
      <c r="K50" s="1" t="s">
        <v>24</v>
      </c>
      <c r="L50" s="1" t="s">
        <v>25</v>
      </c>
      <c r="M50" s="1" t="s">
        <v>24</v>
      </c>
      <c r="N50" s="1" t="s">
        <v>24</v>
      </c>
      <c r="O50" s="1">
        <v>35.369437499999997</v>
      </c>
      <c r="P50" s="1">
        <v>132.75203999999999</v>
      </c>
    </row>
    <row r="51" spans="1:16" ht="20.100000000000001" customHeight="1" x14ac:dyDescent="0.4">
      <c r="A51" s="1" t="s">
        <v>302</v>
      </c>
      <c r="B51" s="1" t="s">
        <v>303</v>
      </c>
      <c r="C51" s="1" t="s">
        <v>304</v>
      </c>
      <c r="D51" s="1" t="s">
        <v>19</v>
      </c>
      <c r="E51" s="1" t="s">
        <v>305</v>
      </c>
      <c r="F51" s="1" t="s">
        <v>99</v>
      </c>
      <c r="G51" s="1" t="s">
        <v>163</v>
      </c>
      <c r="H51" s="1" t="s">
        <v>306</v>
      </c>
      <c r="I51" s="1" t="s">
        <v>24</v>
      </c>
      <c r="J51" s="1" t="s">
        <v>25</v>
      </c>
      <c r="K51" s="1" t="s">
        <v>25</v>
      </c>
      <c r="L51" s="1" t="s">
        <v>25</v>
      </c>
      <c r="M51" s="1" t="s">
        <v>24</v>
      </c>
      <c r="N51" s="1" t="s">
        <v>24</v>
      </c>
      <c r="O51" s="1">
        <v>35.335943800000003</v>
      </c>
      <c r="P51" s="1">
        <v>132.73722839999999</v>
      </c>
    </row>
    <row r="52" spans="1:16" ht="20.100000000000001" customHeight="1" x14ac:dyDescent="0.4">
      <c r="A52" s="1" t="s">
        <v>307</v>
      </c>
      <c r="B52" s="1" t="s">
        <v>297</v>
      </c>
      <c r="C52" s="1" t="s">
        <v>308</v>
      </c>
      <c r="D52" s="1" t="s">
        <v>19</v>
      </c>
      <c r="E52" s="1" t="s">
        <v>309</v>
      </c>
      <c r="F52" s="1"/>
      <c r="G52" s="1" t="s">
        <v>37</v>
      </c>
      <c r="H52" s="1"/>
      <c r="I52" s="1" t="s">
        <v>24</v>
      </c>
      <c r="J52" s="1" t="s">
        <v>25</v>
      </c>
      <c r="K52" s="1" t="s">
        <v>25</v>
      </c>
      <c r="L52" s="1" t="s">
        <v>25</v>
      </c>
      <c r="M52" s="1" t="s">
        <v>24</v>
      </c>
      <c r="N52" s="1" t="s">
        <v>24</v>
      </c>
      <c r="O52" s="1">
        <v>35.368492799999999</v>
      </c>
      <c r="P52" s="1">
        <v>132.7394606</v>
      </c>
    </row>
    <row r="53" spans="1:16" ht="20.100000000000001" customHeight="1" x14ac:dyDescent="0.4">
      <c r="A53" s="1" t="s">
        <v>310</v>
      </c>
      <c r="B53" s="1" t="s">
        <v>311</v>
      </c>
      <c r="C53" s="1" t="s">
        <v>312</v>
      </c>
      <c r="D53" s="1" t="s">
        <v>53</v>
      </c>
      <c r="E53" s="1" t="s">
        <v>313</v>
      </c>
      <c r="F53" s="1" t="s">
        <v>314</v>
      </c>
      <c r="G53" s="1" t="s">
        <v>163</v>
      </c>
      <c r="H53" s="1" t="s">
        <v>271</v>
      </c>
      <c r="I53" s="1" t="s">
        <v>24</v>
      </c>
      <c r="J53" s="1" t="s">
        <v>25</v>
      </c>
      <c r="K53" s="1" t="s">
        <v>24</v>
      </c>
      <c r="L53" s="1" t="s">
        <v>25</v>
      </c>
      <c r="M53" s="1" t="s">
        <v>25</v>
      </c>
      <c r="N53" s="1" t="s">
        <v>24</v>
      </c>
      <c r="O53" s="1">
        <v>35.482319500000003</v>
      </c>
      <c r="P53" s="1">
        <v>133.06861430000001</v>
      </c>
    </row>
    <row r="54" spans="1:16" ht="20.100000000000001" customHeight="1" x14ac:dyDescent="0.4">
      <c r="A54" s="1" t="s">
        <v>315</v>
      </c>
      <c r="B54" s="1" t="s">
        <v>316</v>
      </c>
      <c r="C54" s="1" t="s">
        <v>317</v>
      </c>
      <c r="D54" s="1" t="s">
        <v>53</v>
      </c>
      <c r="E54" s="1" t="s">
        <v>318</v>
      </c>
      <c r="F54" s="1" t="s">
        <v>319</v>
      </c>
      <c r="G54" s="1" t="s">
        <v>320</v>
      </c>
      <c r="H54" s="1"/>
      <c r="I54" s="1" t="s">
        <v>24</v>
      </c>
      <c r="J54" s="1" t="s">
        <v>24</v>
      </c>
      <c r="K54" s="1" t="s">
        <v>24</v>
      </c>
      <c r="L54" s="1" t="s">
        <v>24</v>
      </c>
      <c r="M54" s="1" t="s">
        <v>25</v>
      </c>
      <c r="N54" s="1" t="s">
        <v>24</v>
      </c>
      <c r="O54" s="1">
        <v>35.494540499999999</v>
      </c>
      <c r="P54" s="1">
        <v>133.07518809999999</v>
      </c>
    </row>
    <row r="55" spans="1:16" ht="20.100000000000001" customHeight="1" x14ac:dyDescent="0.4">
      <c r="A55" s="1" t="s">
        <v>321</v>
      </c>
      <c r="B55" s="1" t="s">
        <v>322</v>
      </c>
      <c r="C55" s="1" t="s">
        <v>323</v>
      </c>
      <c r="D55" s="1" t="s">
        <v>53</v>
      </c>
      <c r="E55" s="1" t="s">
        <v>324</v>
      </c>
      <c r="F55" s="1" t="s">
        <v>21</v>
      </c>
      <c r="G55" s="1" t="s">
        <v>325</v>
      </c>
      <c r="H55" s="1" t="s">
        <v>326</v>
      </c>
      <c r="I55" s="1" t="s">
        <v>24</v>
      </c>
      <c r="J55" s="1" t="s">
        <v>25</v>
      </c>
      <c r="K55" s="1" t="s">
        <v>25</v>
      </c>
      <c r="L55" s="1" t="s">
        <v>25</v>
      </c>
      <c r="M55" s="1" t="s">
        <v>24</v>
      </c>
      <c r="N55" s="1" t="s">
        <v>24</v>
      </c>
      <c r="O55" s="1">
        <v>35.459838699999999</v>
      </c>
      <c r="P55" s="1">
        <v>133.06569329999999</v>
      </c>
    </row>
    <row r="56" spans="1:16" ht="20.100000000000001" customHeight="1" x14ac:dyDescent="0.4">
      <c r="A56" s="1" t="s">
        <v>327</v>
      </c>
      <c r="B56" s="1" t="s">
        <v>328</v>
      </c>
      <c r="C56" s="1" t="s">
        <v>329</v>
      </c>
      <c r="D56" s="1" t="s">
        <v>53</v>
      </c>
      <c r="E56" s="1" t="s">
        <v>330</v>
      </c>
      <c r="F56" s="1" t="s">
        <v>181</v>
      </c>
      <c r="G56" s="1" t="s">
        <v>163</v>
      </c>
      <c r="H56" s="1"/>
      <c r="I56" s="1" t="s">
        <v>24</v>
      </c>
      <c r="J56" s="1" t="s">
        <v>25</v>
      </c>
      <c r="K56" s="1" t="s">
        <v>25</v>
      </c>
      <c r="L56" s="1" t="s">
        <v>25</v>
      </c>
      <c r="M56" s="1" t="s">
        <v>24</v>
      </c>
      <c r="N56" s="1" t="s">
        <v>24</v>
      </c>
      <c r="O56" s="1">
        <v>35.500529</v>
      </c>
      <c r="P56" s="1">
        <v>133.08619200000001</v>
      </c>
    </row>
    <row r="57" spans="1:16" ht="20.100000000000001" customHeight="1" x14ac:dyDescent="0.4">
      <c r="A57" s="1" t="s">
        <v>331</v>
      </c>
      <c r="B57" s="1" t="s">
        <v>311</v>
      </c>
      <c r="C57" s="1" t="s">
        <v>332</v>
      </c>
      <c r="D57" s="1" t="s">
        <v>53</v>
      </c>
      <c r="E57" s="1" t="s">
        <v>333</v>
      </c>
      <c r="F57" s="1" t="s">
        <v>175</v>
      </c>
      <c r="G57" s="1" t="s">
        <v>334</v>
      </c>
      <c r="H57" s="1" t="s">
        <v>335</v>
      </c>
      <c r="I57" s="1" t="s">
        <v>24</v>
      </c>
      <c r="J57" s="1" t="s">
        <v>25</v>
      </c>
      <c r="K57" s="1" t="s">
        <v>25</v>
      </c>
      <c r="L57" s="1" t="s">
        <v>25</v>
      </c>
      <c r="M57" s="1" t="s">
        <v>25</v>
      </c>
      <c r="N57" s="1" t="s">
        <v>24</v>
      </c>
      <c r="O57" s="1">
        <v>35.479033800000003</v>
      </c>
      <c r="P57" s="1">
        <v>133.06838389999999</v>
      </c>
    </row>
    <row r="58" spans="1:16" ht="20.100000000000001" customHeight="1" x14ac:dyDescent="0.4">
      <c r="A58" s="1" t="s">
        <v>336</v>
      </c>
      <c r="B58" s="1" t="s">
        <v>96</v>
      </c>
      <c r="C58" s="1" t="s">
        <v>337</v>
      </c>
      <c r="D58" s="1" t="s">
        <v>53</v>
      </c>
      <c r="E58" s="1" t="s">
        <v>338</v>
      </c>
      <c r="F58" s="1" t="s">
        <v>339</v>
      </c>
      <c r="G58" s="1" t="s">
        <v>340</v>
      </c>
      <c r="H58" s="1"/>
      <c r="I58" s="1" t="s">
        <v>24</v>
      </c>
      <c r="J58" s="1" t="s">
        <v>25</v>
      </c>
      <c r="K58" s="1" t="s">
        <v>25</v>
      </c>
      <c r="L58" s="1" t="s">
        <v>25</v>
      </c>
      <c r="M58" s="1" t="s">
        <v>25</v>
      </c>
      <c r="N58" s="1" t="s">
        <v>24</v>
      </c>
      <c r="O58" s="1">
        <v>35.426778800000001</v>
      </c>
      <c r="P58" s="1">
        <v>133.2475488</v>
      </c>
    </row>
    <row r="59" spans="1:16" ht="20.100000000000001" customHeight="1" x14ac:dyDescent="0.4">
      <c r="A59" s="1" t="s">
        <v>341</v>
      </c>
      <c r="B59" s="1" t="s">
        <v>342</v>
      </c>
      <c r="C59" s="1" t="s">
        <v>343</v>
      </c>
      <c r="D59" s="1" t="s">
        <v>53</v>
      </c>
      <c r="E59" s="1" t="s">
        <v>344</v>
      </c>
      <c r="F59" s="1" t="s">
        <v>345</v>
      </c>
      <c r="G59" s="1" t="s">
        <v>346</v>
      </c>
      <c r="H59" s="1"/>
      <c r="I59" s="1" t="s">
        <v>24</v>
      </c>
      <c r="J59" s="1" t="s">
        <v>25</v>
      </c>
      <c r="K59" s="1" t="s">
        <v>24</v>
      </c>
      <c r="L59" s="1" t="s">
        <v>24</v>
      </c>
      <c r="M59" s="1" t="s">
        <v>25</v>
      </c>
      <c r="N59" s="1" t="s">
        <v>24</v>
      </c>
      <c r="O59" s="1">
        <v>35.4308592</v>
      </c>
      <c r="P59" s="1">
        <v>133.26347530000001</v>
      </c>
    </row>
    <row r="60" spans="1:16" ht="20.100000000000001" customHeight="1" x14ac:dyDescent="0.4">
      <c r="A60" s="1" t="s">
        <v>347</v>
      </c>
      <c r="B60" s="1" t="s">
        <v>348</v>
      </c>
      <c r="C60" s="1" t="s">
        <v>349</v>
      </c>
      <c r="D60" s="1" t="s">
        <v>53</v>
      </c>
      <c r="E60" s="1" t="s">
        <v>350</v>
      </c>
      <c r="F60" s="1" t="s">
        <v>351</v>
      </c>
      <c r="G60" s="1" t="s">
        <v>176</v>
      </c>
      <c r="H60" s="1" t="s">
        <v>271</v>
      </c>
      <c r="I60" s="1" t="s">
        <v>24</v>
      </c>
      <c r="J60" s="1" t="s">
        <v>25</v>
      </c>
      <c r="K60" s="1" t="s">
        <v>24</v>
      </c>
      <c r="L60" s="1" t="s">
        <v>25</v>
      </c>
      <c r="M60" s="1" t="s">
        <v>25</v>
      </c>
      <c r="N60" s="1" t="s">
        <v>24</v>
      </c>
      <c r="O60" s="1">
        <v>35.427880999999999</v>
      </c>
      <c r="P60" s="1">
        <v>133.13275239999999</v>
      </c>
    </row>
    <row r="61" spans="1:16" ht="20.100000000000001" customHeight="1" x14ac:dyDescent="0.4">
      <c r="A61" s="1" t="s">
        <v>352</v>
      </c>
      <c r="B61" s="1" t="s">
        <v>316</v>
      </c>
      <c r="C61" s="1" t="s">
        <v>353</v>
      </c>
      <c r="D61" s="1" t="s">
        <v>53</v>
      </c>
      <c r="E61" s="1" t="s">
        <v>354</v>
      </c>
      <c r="F61" s="1" t="s">
        <v>355</v>
      </c>
      <c r="G61" s="1" t="s">
        <v>356</v>
      </c>
      <c r="H61" s="1" t="s">
        <v>357</v>
      </c>
      <c r="I61" s="1" t="s">
        <v>24</v>
      </c>
      <c r="J61" s="1" t="s">
        <v>25</v>
      </c>
      <c r="K61" s="1" t="s">
        <v>25</v>
      </c>
      <c r="L61" s="1" t="s">
        <v>25</v>
      </c>
      <c r="M61" s="1" t="s">
        <v>24</v>
      </c>
      <c r="N61" s="1" t="s">
        <v>24</v>
      </c>
      <c r="O61" s="1">
        <v>35.479958799999999</v>
      </c>
      <c r="P61" s="1">
        <v>133.07046700000001</v>
      </c>
    </row>
    <row r="62" spans="1:16" ht="20.100000000000001" customHeight="1" x14ac:dyDescent="0.4">
      <c r="A62" s="1" t="s">
        <v>358</v>
      </c>
      <c r="B62" s="1" t="s">
        <v>153</v>
      </c>
      <c r="C62" s="1" t="s">
        <v>359</v>
      </c>
      <c r="D62" s="1" t="s">
        <v>35</v>
      </c>
      <c r="E62" s="1" t="s">
        <v>360</v>
      </c>
      <c r="F62" s="1" t="s">
        <v>361</v>
      </c>
      <c r="G62" s="1" t="s">
        <v>362</v>
      </c>
      <c r="H62" s="1"/>
      <c r="I62" s="1" t="s">
        <v>24</v>
      </c>
      <c r="J62" s="1" t="s">
        <v>25</v>
      </c>
      <c r="K62" s="1" t="s">
        <v>25</v>
      </c>
      <c r="L62" s="1" t="s">
        <v>24</v>
      </c>
      <c r="M62" s="1" t="s">
        <v>25</v>
      </c>
      <c r="N62" s="1" t="s">
        <v>24</v>
      </c>
      <c r="O62" s="1">
        <v>34.685443100000001</v>
      </c>
      <c r="P62" s="1">
        <v>131.79388069999999</v>
      </c>
    </row>
    <row r="63" spans="1:16" ht="20.100000000000001" customHeight="1" x14ac:dyDescent="0.4">
      <c r="A63" s="1" t="s">
        <v>363</v>
      </c>
      <c r="B63" s="1" t="s">
        <v>364</v>
      </c>
      <c r="C63" s="1" t="s">
        <v>365</v>
      </c>
      <c r="D63" s="1" t="s">
        <v>19</v>
      </c>
      <c r="E63" s="1" t="s">
        <v>366</v>
      </c>
      <c r="F63" s="1" t="s">
        <v>61</v>
      </c>
      <c r="G63" s="1"/>
      <c r="H63" s="1" t="s">
        <v>367</v>
      </c>
      <c r="I63" s="1" t="s">
        <v>24</v>
      </c>
      <c r="J63" s="1" t="s">
        <v>24</v>
      </c>
      <c r="K63" s="1" t="s">
        <v>25</v>
      </c>
      <c r="L63" s="1" t="s">
        <v>24</v>
      </c>
      <c r="M63" s="1" t="s">
        <v>24</v>
      </c>
      <c r="N63" s="1" t="s">
        <v>24</v>
      </c>
      <c r="O63" s="1">
        <v>35.395672099999999</v>
      </c>
      <c r="P63" s="1">
        <v>132.86929710000001</v>
      </c>
    </row>
    <row r="64" spans="1:16" ht="20.100000000000001" customHeight="1" x14ac:dyDescent="0.4">
      <c r="A64" s="1" t="s">
        <v>368</v>
      </c>
      <c r="B64" s="1" t="s">
        <v>303</v>
      </c>
      <c r="C64" s="1" t="s">
        <v>369</v>
      </c>
      <c r="D64" s="1" t="s">
        <v>19</v>
      </c>
      <c r="E64" s="1" t="s">
        <v>370</v>
      </c>
      <c r="F64" s="1" t="s">
        <v>371</v>
      </c>
      <c r="G64" s="1" t="s">
        <v>372</v>
      </c>
      <c r="H64" s="1" t="s">
        <v>373</v>
      </c>
      <c r="I64" s="1" t="s">
        <v>24</v>
      </c>
      <c r="J64" s="1" t="s">
        <v>24</v>
      </c>
      <c r="K64" s="1" t="s">
        <v>24</v>
      </c>
      <c r="L64" s="1" t="s">
        <v>24</v>
      </c>
      <c r="M64" s="1" t="s">
        <v>24</v>
      </c>
      <c r="N64" s="1" t="s">
        <v>24</v>
      </c>
      <c r="O64" s="1">
        <v>35.364623799999997</v>
      </c>
      <c r="P64" s="1">
        <v>132.73889410000001</v>
      </c>
    </row>
    <row r="65" spans="1:16" ht="20.100000000000001" customHeight="1" x14ac:dyDescent="0.4">
      <c r="A65" s="1" t="s">
        <v>374</v>
      </c>
      <c r="B65" s="1" t="s">
        <v>261</v>
      </c>
      <c r="C65" s="1" t="s">
        <v>375</v>
      </c>
      <c r="D65" s="1" t="s">
        <v>19</v>
      </c>
      <c r="E65" s="1" t="s">
        <v>376</v>
      </c>
      <c r="F65" s="1"/>
      <c r="G65" s="1"/>
      <c r="H65" s="1" t="s">
        <v>377</v>
      </c>
      <c r="I65" s="1" t="s">
        <v>24</v>
      </c>
      <c r="J65" s="1" t="s">
        <v>24</v>
      </c>
      <c r="K65" s="1" t="s">
        <v>24</v>
      </c>
      <c r="L65" s="1" t="s">
        <v>24</v>
      </c>
      <c r="M65" s="1" t="s">
        <v>24</v>
      </c>
      <c r="N65" s="1" t="s">
        <v>24</v>
      </c>
      <c r="O65" s="1">
        <v>35.3775227</v>
      </c>
      <c r="P65" s="1">
        <v>132.75616969999999</v>
      </c>
    </row>
    <row r="66" spans="1:16" ht="20.100000000000001" customHeight="1" x14ac:dyDescent="0.4">
      <c r="A66" s="1" t="s">
        <v>378</v>
      </c>
      <c r="B66" s="1" t="s">
        <v>379</v>
      </c>
      <c r="C66" s="1" t="s">
        <v>380</v>
      </c>
      <c r="D66" s="1" t="s">
        <v>19</v>
      </c>
      <c r="E66" s="1" t="s">
        <v>381</v>
      </c>
      <c r="F66" s="1"/>
      <c r="G66" s="1" t="s">
        <v>382</v>
      </c>
      <c r="H66" s="1"/>
      <c r="I66" s="1" t="s">
        <v>24</v>
      </c>
      <c r="J66" s="1" t="s">
        <v>24</v>
      </c>
      <c r="K66" s="1" t="s">
        <v>25</v>
      </c>
      <c r="L66" s="1" t="s">
        <v>25</v>
      </c>
      <c r="M66" s="1" t="s">
        <v>24</v>
      </c>
      <c r="N66" s="1" t="s">
        <v>24</v>
      </c>
      <c r="O66" s="1">
        <v>35.285617899999998</v>
      </c>
      <c r="P66" s="1">
        <v>132.62552400000001</v>
      </c>
    </row>
    <row r="67" spans="1:16" ht="20.100000000000001" customHeight="1" x14ac:dyDescent="0.4">
      <c r="A67" s="1" t="s">
        <v>383</v>
      </c>
      <c r="B67" s="1" t="s">
        <v>384</v>
      </c>
      <c r="C67" s="1" t="s">
        <v>385</v>
      </c>
      <c r="D67" s="1" t="s">
        <v>29</v>
      </c>
      <c r="E67" s="1" t="s">
        <v>386</v>
      </c>
      <c r="F67" s="1"/>
      <c r="G67" s="1"/>
      <c r="H67" s="1"/>
      <c r="I67" s="1" t="s">
        <v>24</v>
      </c>
      <c r="J67" s="1" t="s">
        <v>24</v>
      </c>
      <c r="K67" s="1" t="s">
        <v>24</v>
      </c>
      <c r="L67" s="1" t="s">
        <v>24</v>
      </c>
      <c r="M67" s="1" t="s">
        <v>24</v>
      </c>
      <c r="N67" s="1" t="s">
        <v>24</v>
      </c>
      <c r="O67" s="1">
        <v>34.887943700000001</v>
      </c>
      <c r="P67" s="1">
        <v>132.16263509999999</v>
      </c>
    </row>
    <row r="68" spans="1:16" ht="20.100000000000001" customHeight="1" x14ac:dyDescent="0.4">
      <c r="A68" s="1" t="s">
        <v>387</v>
      </c>
      <c r="B68" s="1" t="s">
        <v>388</v>
      </c>
      <c r="C68" s="1" t="s">
        <v>389</v>
      </c>
      <c r="D68" s="1" t="s">
        <v>19</v>
      </c>
      <c r="E68" s="1" t="s">
        <v>390</v>
      </c>
      <c r="F68" s="1" t="s">
        <v>61</v>
      </c>
      <c r="G68" s="1" t="s">
        <v>391</v>
      </c>
      <c r="H68" s="1"/>
      <c r="I68" s="1" t="s">
        <v>24</v>
      </c>
      <c r="J68" s="1" t="s">
        <v>25</v>
      </c>
      <c r="K68" s="1" t="s">
        <v>24</v>
      </c>
      <c r="L68" s="1" t="s">
        <v>25</v>
      </c>
      <c r="M68" s="1" t="s">
        <v>24</v>
      </c>
      <c r="N68" s="1" t="s">
        <v>24</v>
      </c>
      <c r="O68" s="1">
        <v>35.387628100000001</v>
      </c>
      <c r="P68" s="1">
        <v>132.804867</v>
      </c>
    </row>
    <row r="69" spans="1:16" ht="20.100000000000001" customHeight="1" x14ac:dyDescent="0.4">
      <c r="A69" s="1" t="s">
        <v>392</v>
      </c>
      <c r="B69" s="1" t="s">
        <v>297</v>
      </c>
      <c r="C69" s="1" t="s">
        <v>393</v>
      </c>
      <c r="D69" s="1" t="s">
        <v>19</v>
      </c>
      <c r="E69" s="1" t="s">
        <v>394</v>
      </c>
      <c r="F69" s="1" t="s">
        <v>181</v>
      </c>
      <c r="G69" s="1" t="s">
        <v>163</v>
      </c>
      <c r="H69" s="1"/>
      <c r="I69" s="1" t="s">
        <v>24</v>
      </c>
      <c r="J69" s="1" t="s">
        <v>25</v>
      </c>
      <c r="K69" s="1" t="s">
        <v>24</v>
      </c>
      <c r="L69" s="1" t="s">
        <v>25</v>
      </c>
      <c r="M69" s="1" t="s">
        <v>24</v>
      </c>
      <c r="N69" s="1" t="s">
        <v>24</v>
      </c>
      <c r="O69" s="1">
        <v>35.366773600000002</v>
      </c>
      <c r="P69" s="1">
        <v>132.74152710000001</v>
      </c>
    </row>
    <row r="70" spans="1:16" ht="20.100000000000001" customHeight="1" x14ac:dyDescent="0.4">
      <c r="A70" s="1" t="s">
        <v>395</v>
      </c>
      <c r="B70" s="1" t="s">
        <v>267</v>
      </c>
      <c r="C70" s="1" t="s">
        <v>396</v>
      </c>
      <c r="D70" s="1" t="s">
        <v>53</v>
      </c>
      <c r="E70" s="1" t="s">
        <v>397</v>
      </c>
      <c r="F70" s="1" t="s">
        <v>339</v>
      </c>
      <c r="G70" s="1" t="s">
        <v>163</v>
      </c>
      <c r="H70" s="1"/>
      <c r="I70" s="1" t="s">
        <v>24</v>
      </c>
      <c r="J70" s="1" t="s">
        <v>24</v>
      </c>
      <c r="K70" s="1" t="s">
        <v>25</v>
      </c>
      <c r="L70" s="1" t="s">
        <v>25</v>
      </c>
      <c r="M70" s="1" t="s">
        <v>24</v>
      </c>
      <c r="N70" s="1" t="s">
        <v>24</v>
      </c>
      <c r="O70" s="1">
        <v>35.440279699999998</v>
      </c>
      <c r="P70" s="1">
        <v>133.05364209999999</v>
      </c>
    </row>
    <row r="71" spans="1:16" ht="20.100000000000001" customHeight="1" x14ac:dyDescent="0.4">
      <c r="A71" s="1" t="s">
        <v>398</v>
      </c>
      <c r="B71" s="1" t="s">
        <v>172</v>
      </c>
      <c r="C71" s="1" t="s">
        <v>399</v>
      </c>
      <c r="D71" s="1" t="s">
        <v>53</v>
      </c>
      <c r="E71" s="1" t="s">
        <v>400</v>
      </c>
      <c r="F71" s="1" t="s">
        <v>401</v>
      </c>
      <c r="G71" s="1" t="s">
        <v>402</v>
      </c>
      <c r="H71" s="1" t="s">
        <v>403</v>
      </c>
      <c r="I71" s="1" t="s">
        <v>24</v>
      </c>
      <c r="J71" s="1" t="s">
        <v>24</v>
      </c>
      <c r="K71" s="1" t="s">
        <v>25</v>
      </c>
      <c r="L71" s="1" t="s">
        <v>25</v>
      </c>
      <c r="M71" s="1" t="s">
        <v>24</v>
      </c>
      <c r="N71" s="1" t="s">
        <v>24</v>
      </c>
      <c r="O71" s="1">
        <v>35.460955499999997</v>
      </c>
      <c r="P71" s="1">
        <v>133.07690339999999</v>
      </c>
    </row>
    <row r="72" spans="1:16" ht="20.100000000000001" customHeight="1" x14ac:dyDescent="0.4">
      <c r="A72" s="1" t="s">
        <v>404</v>
      </c>
      <c r="B72" s="1" t="s">
        <v>405</v>
      </c>
      <c r="C72" s="1" t="s">
        <v>406</v>
      </c>
      <c r="D72" s="1" t="s">
        <v>53</v>
      </c>
      <c r="E72" s="1" t="s">
        <v>407</v>
      </c>
      <c r="F72" s="1" t="s">
        <v>181</v>
      </c>
      <c r="G72" s="1" t="s">
        <v>163</v>
      </c>
      <c r="H72" s="1" t="s">
        <v>408</v>
      </c>
      <c r="I72" s="1" t="s">
        <v>24</v>
      </c>
      <c r="J72" s="1" t="s">
        <v>25</v>
      </c>
      <c r="K72" s="1" t="s">
        <v>24</v>
      </c>
      <c r="L72" s="1" t="s">
        <v>25</v>
      </c>
      <c r="M72" s="1" t="s">
        <v>24</v>
      </c>
      <c r="N72" s="1" t="s">
        <v>24</v>
      </c>
      <c r="O72" s="1">
        <v>35.448006700000001</v>
      </c>
      <c r="P72" s="1">
        <v>133.06594089999999</v>
      </c>
    </row>
    <row r="73" spans="1:16" ht="20.100000000000001" customHeight="1" x14ac:dyDescent="0.4">
      <c r="A73" s="1" t="s">
        <v>409</v>
      </c>
      <c r="B73" s="1" t="s">
        <v>410</v>
      </c>
      <c r="C73" s="1" t="s">
        <v>411</v>
      </c>
      <c r="D73" s="1" t="s">
        <v>19</v>
      </c>
      <c r="E73" s="1" t="s">
        <v>412</v>
      </c>
      <c r="F73" s="1" t="s">
        <v>61</v>
      </c>
      <c r="G73" s="1" t="s">
        <v>163</v>
      </c>
      <c r="H73" s="1"/>
      <c r="I73" s="1" t="s">
        <v>24</v>
      </c>
      <c r="J73" s="1" t="s">
        <v>25</v>
      </c>
      <c r="K73" s="1" t="s">
        <v>24</v>
      </c>
      <c r="L73" s="1" t="s">
        <v>24</v>
      </c>
      <c r="M73" s="1" t="s">
        <v>24</v>
      </c>
      <c r="N73" s="1" t="s">
        <v>24</v>
      </c>
      <c r="O73" s="1">
        <v>35.369957200000002</v>
      </c>
      <c r="P73" s="1">
        <v>132.76381369999999</v>
      </c>
    </row>
    <row r="74" spans="1:16" ht="20.100000000000001" customHeight="1" x14ac:dyDescent="0.4">
      <c r="A74" s="1" t="s">
        <v>413</v>
      </c>
      <c r="B74" s="1" t="s">
        <v>414</v>
      </c>
      <c r="C74" s="1" t="s">
        <v>415</v>
      </c>
      <c r="D74" s="1" t="s">
        <v>19</v>
      </c>
      <c r="E74" s="1" t="s">
        <v>416</v>
      </c>
      <c r="F74" s="1" t="s">
        <v>417</v>
      </c>
      <c r="G74" s="1" t="s">
        <v>418</v>
      </c>
      <c r="H74" s="1" t="s">
        <v>419</v>
      </c>
      <c r="I74" s="1" t="s">
        <v>24</v>
      </c>
      <c r="J74" s="1" t="s">
        <v>25</v>
      </c>
      <c r="K74" s="1" t="s">
        <v>25</v>
      </c>
      <c r="L74" s="1" t="s">
        <v>25</v>
      </c>
      <c r="M74" s="1" t="s">
        <v>24</v>
      </c>
      <c r="N74" s="1" t="s">
        <v>24</v>
      </c>
      <c r="O74" s="1">
        <v>35.384785600000001</v>
      </c>
      <c r="P74" s="1">
        <v>132.74671180000001</v>
      </c>
    </row>
    <row r="75" spans="1:16" ht="20.100000000000001" customHeight="1" x14ac:dyDescent="0.4">
      <c r="A75" s="1" t="s">
        <v>420</v>
      </c>
      <c r="B75" s="1" t="s">
        <v>421</v>
      </c>
      <c r="C75" s="1" t="s">
        <v>422</v>
      </c>
      <c r="D75" s="1" t="s">
        <v>84</v>
      </c>
      <c r="E75" s="1" t="s">
        <v>423</v>
      </c>
      <c r="F75" s="1" t="s">
        <v>417</v>
      </c>
      <c r="G75" s="1" t="s">
        <v>424</v>
      </c>
      <c r="H75" s="1" t="s">
        <v>419</v>
      </c>
      <c r="I75" s="1" t="s">
        <v>24</v>
      </c>
      <c r="J75" s="1" t="s">
        <v>25</v>
      </c>
      <c r="K75" s="1" t="s">
        <v>25</v>
      </c>
      <c r="L75" s="1" t="s">
        <v>25</v>
      </c>
      <c r="M75" s="1" t="s">
        <v>24</v>
      </c>
      <c r="N75" s="1" t="s">
        <v>24</v>
      </c>
      <c r="O75" s="1">
        <v>35.202110599999997</v>
      </c>
      <c r="P75" s="1">
        <v>132.4947075</v>
      </c>
    </row>
    <row r="76" spans="1:16" ht="20.100000000000001" customHeight="1" x14ac:dyDescent="0.4">
      <c r="A76" s="1" t="s">
        <v>425</v>
      </c>
      <c r="B76" s="1" t="s">
        <v>426</v>
      </c>
      <c r="C76" s="1" t="s">
        <v>427</v>
      </c>
      <c r="D76" s="1" t="s">
        <v>53</v>
      </c>
      <c r="E76" s="1" t="s">
        <v>428</v>
      </c>
      <c r="F76" s="1" t="s">
        <v>429</v>
      </c>
      <c r="G76" s="1" t="s">
        <v>430</v>
      </c>
      <c r="H76" s="1"/>
      <c r="I76" s="1" t="s">
        <v>25</v>
      </c>
      <c r="J76" s="1" t="s">
        <v>24</v>
      </c>
      <c r="K76" s="1" t="s">
        <v>25</v>
      </c>
      <c r="L76" s="1" t="s">
        <v>25</v>
      </c>
      <c r="M76" s="1" t="s">
        <v>24</v>
      </c>
      <c r="N76" s="1" t="s">
        <v>24</v>
      </c>
      <c r="O76" s="1">
        <v>35.480766199999998</v>
      </c>
      <c r="P76" s="1">
        <v>133.0445833</v>
      </c>
    </row>
    <row r="77" spans="1:16" ht="20.100000000000001" customHeight="1" x14ac:dyDescent="0.4">
      <c r="A77" s="1" t="s">
        <v>431</v>
      </c>
      <c r="B77" s="1" t="s">
        <v>65</v>
      </c>
      <c r="C77" s="1" t="s">
        <v>432</v>
      </c>
      <c r="D77" s="1" t="s">
        <v>53</v>
      </c>
      <c r="E77" s="1" t="s">
        <v>433</v>
      </c>
      <c r="F77" s="1" t="s">
        <v>429</v>
      </c>
      <c r="G77" s="1" t="s">
        <v>163</v>
      </c>
      <c r="H77" s="1"/>
      <c r="I77" s="1" t="s">
        <v>24</v>
      </c>
      <c r="J77" s="1" t="s">
        <v>25</v>
      </c>
      <c r="K77" s="1" t="s">
        <v>24</v>
      </c>
      <c r="L77" s="1" t="s">
        <v>25</v>
      </c>
      <c r="M77" s="1" t="s">
        <v>24</v>
      </c>
      <c r="N77" s="1" t="s">
        <v>24</v>
      </c>
      <c r="O77" s="1">
        <v>35.470351100000002</v>
      </c>
      <c r="P77" s="1">
        <v>133.0534523</v>
      </c>
    </row>
    <row r="78" spans="1:16" ht="20.100000000000001" customHeight="1" x14ac:dyDescent="0.4">
      <c r="A78" s="1" t="s">
        <v>434</v>
      </c>
      <c r="B78" s="1" t="s">
        <v>96</v>
      </c>
      <c r="C78" s="1" t="s">
        <v>435</v>
      </c>
      <c r="D78" s="1" t="s">
        <v>53</v>
      </c>
      <c r="E78" s="1" t="s">
        <v>436</v>
      </c>
      <c r="F78" s="1" t="s">
        <v>437</v>
      </c>
      <c r="G78" s="1" t="s">
        <v>163</v>
      </c>
      <c r="H78" s="1" t="s">
        <v>271</v>
      </c>
      <c r="I78" s="1" t="s">
        <v>24</v>
      </c>
      <c r="J78" s="1" t="s">
        <v>25</v>
      </c>
      <c r="K78" s="1" t="s">
        <v>24</v>
      </c>
      <c r="L78" s="1" t="s">
        <v>25</v>
      </c>
      <c r="M78" s="1" t="s">
        <v>24</v>
      </c>
      <c r="N78" s="1" t="s">
        <v>24</v>
      </c>
      <c r="O78" s="1">
        <v>35.425492800000001</v>
      </c>
      <c r="P78" s="1">
        <v>133.24579059999999</v>
      </c>
    </row>
    <row r="79" spans="1:16" ht="20.100000000000001" customHeight="1" x14ac:dyDescent="0.4">
      <c r="A79" s="1" t="s">
        <v>438</v>
      </c>
      <c r="B79" s="1" t="s">
        <v>439</v>
      </c>
      <c r="C79" s="1" t="s">
        <v>440</v>
      </c>
      <c r="D79" s="1" t="s">
        <v>84</v>
      </c>
      <c r="E79" s="1" t="s">
        <v>441</v>
      </c>
      <c r="F79" s="1" t="s">
        <v>181</v>
      </c>
      <c r="G79" s="1" t="s">
        <v>442</v>
      </c>
      <c r="H79" s="1"/>
      <c r="I79" s="1" t="s">
        <v>24</v>
      </c>
      <c r="J79" s="1" t="s">
        <v>24</v>
      </c>
      <c r="K79" s="1" t="s">
        <v>25</v>
      </c>
      <c r="L79" s="1" t="s">
        <v>25</v>
      </c>
      <c r="M79" s="1" t="s">
        <v>24</v>
      </c>
      <c r="N79" s="1" t="s">
        <v>24</v>
      </c>
      <c r="O79" s="1">
        <v>35.145342300000003</v>
      </c>
      <c r="P79" s="1">
        <v>132.40375599999999</v>
      </c>
    </row>
    <row r="80" spans="1:16" ht="20.100000000000001" customHeight="1" x14ac:dyDescent="0.4">
      <c r="A80" s="1" t="s">
        <v>443</v>
      </c>
      <c r="B80" s="1" t="s">
        <v>444</v>
      </c>
      <c r="C80" s="1" t="s">
        <v>445</v>
      </c>
      <c r="D80" s="1" t="s">
        <v>53</v>
      </c>
      <c r="E80" s="1" t="s">
        <v>446</v>
      </c>
      <c r="F80" s="1" t="s">
        <v>447</v>
      </c>
      <c r="G80" s="1" t="s">
        <v>156</v>
      </c>
      <c r="H80" s="1"/>
      <c r="I80" s="1" t="s">
        <v>24</v>
      </c>
      <c r="J80" s="1" t="s">
        <v>25</v>
      </c>
      <c r="K80" s="1" t="s">
        <v>25</v>
      </c>
      <c r="L80" s="1" t="s">
        <v>25</v>
      </c>
      <c r="M80" s="1" t="s">
        <v>24</v>
      </c>
      <c r="N80" s="1" t="s">
        <v>24</v>
      </c>
      <c r="O80" s="1">
        <v>35.438071700000002</v>
      </c>
      <c r="P80" s="1">
        <v>133.069005</v>
      </c>
    </row>
    <row r="81" spans="1:16" ht="20.100000000000001" customHeight="1" x14ac:dyDescent="0.4">
      <c r="A81" s="1" t="s">
        <v>448</v>
      </c>
      <c r="B81" s="1" t="s">
        <v>414</v>
      </c>
      <c r="C81" s="1" t="s">
        <v>449</v>
      </c>
      <c r="D81" s="1" t="s">
        <v>19</v>
      </c>
      <c r="E81" s="1" t="s">
        <v>450</v>
      </c>
      <c r="F81" s="1" t="s">
        <v>314</v>
      </c>
      <c r="G81" s="1" t="s">
        <v>163</v>
      </c>
      <c r="H81" s="1" t="s">
        <v>271</v>
      </c>
      <c r="I81" s="1" t="s">
        <v>24</v>
      </c>
      <c r="J81" s="1" t="s">
        <v>25</v>
      </c>
      <c r="K81" s="1" t="s">
        <v>24</v>
      </c>
      <c r="L81" s="1" t="s">
        <v>24</v>
      </c>
      <c r="M81" s="1" t="s">
        <v>24</v>
      </c>
      <c r="N81" s="1" t="s">
        <v>24</v>
      </c>
      <c r="O81" s="1">
        <v>35.385763300000001</v>
      </c>
      <c r="P81" s="1">
        <v>132.74655899999999</v>
      </c>
    </row>
    <row r="82" spans="1:16" ht="20.100000000000001" customHeight="1" x14ac:dyDescent="0.4">
      <c r="A82" s="1" t="s">
        <v>451</v>
      </c>
      <c r="B82" s="1" t="s">
        <v>452</v>
      </c>
      <c r="C82" s="1" t="s">
        <v>453</v>
      </c>
      <c r="D82" s="1" t="s">
        <v>19</v>
      </c>
      <c r="E82" s="1" t="s">
        <v>454</v>
      </c>
      <c r="F82" s="1" t="s">
        <v>455</v>
      </c>
      <c r="G82" s="1" t="s">
        <v>163</v>
      </c>
      <c r="H82" s="1" t="s">
        <v>456</v>
      </c>
      <c r="I82" s="1" t="s">
        <v>24</v>
      </c>
      <c r="J82" s="1" t="s">
        <v>24</v>
      </c>
      <c r="K82" s="1" t="s">
        <v>24</v>
      </c>
      <c r="L82" s="1" t="s">
        <v>24</v>
      </c>
      <c r="M82" s="1" t="s">
        <v>24</v>
      </c>
      <c r="N82" s="1" t="s">
        <v>24</v>
      </c>
      <c r="O82" s="1">
        <v>35.39361049</v>
      </c>
      <c r="P82" s="1">
        <v>132.8162576</v>
      </c>
    </row>
    <row r="83" spans="1:16" ht="20.100000000000001" customHeight="1" x14ac:dyDescent="0.4">
      <c r="A83" s="1" t="s">
        <v>457</v>
      </c>
      <c r="B83" s="1" t="s">
        <v>215</v>
      </c>
      <c r="C83" s="1" t="s">
        <v>458</v>
      </c>
      <c r="D83" s="1" t="s">
        <v>53</v>
      </c>
      <c r="E83" s="1" t="s">
        <v>459</v>
      </c>
      <c r="F83" s="1"/>
      <c r="G83" s="1" t="s">
        <v>31</v>
      </c>
      <c r="H83" s="1"/>
      <c r="I83" s="1" t="s">
        <v>24</v>
      </c>
      <c r="J83" s="1" t="s">
        <v>24</v>
      </c>
      <c r="K83" s="1" t="s">
        <v>25</v>
      </c>
      <c r="L83" s="1" t="s">
        <v>25</v>
      </c>
      <c r="M83" s="1" t="s">
        <v>24</v>
      </c>
      <c r="N83" s="1" t="s">
        <v>24</v>
      </c>
      <c r="O83" s="1">
        <v>35.478852500000002</v>
      </c>
      <c r="P83" s="1">
        <v>133.04371399999999</v>
      </c>
    </row>
    <row r="84" spans="1:16" ht="20.100000000000001" customHeight="1" x14ac:dyDescent="0.4">
      <c r="A84" s="1" t="s">
        <v>460</v>
      </c>
      <c r="B84" s="1" t="s">
        <v>461</v>
      </c>
      <c r="C84" s="1" t="s">
        <v>462</v>
      </c>
      <c r="D84" s="1" t="s">
        <v>53</v>
      </c>
      <c r="E84" s="1" t="s">
        <v>463</v>
      </c>
      <c r="F84" s="1"/>
      <c r="G84" s="1" t="s">
        <v>31</v>
      </c>
      <c r="H84" s="1"/>
      <c r="I84" s="1" t="s">
        <v>25</v>
      </c>
      <c r="J84" s="1" t="s">
        <v>24</v>
      </c>
      <c r="K84" s="1" t="s">
        <v>25</v>
      </c>
      <c r="L84" s="1" t="s">
        <v>25</v>
      </c>
      <c r="M84" s="1" t="s">
        <v>24</v>
      </c>
      <c r="N84" s="1" t="s">
        <v>24</v>
      </c>
      <c r="O84" s="1">
        <v>35.4874182</v>
      </c>
      <c r="P84" s="1">
        <v>133.0459386</v>
      </c>
    </row>
    <row r="85" spans="1:16" ht="20.100000000000001" customHeight="1" x14ac:dyDescent="0.4">
      <c r="A85" s="1" t="s">
        <v>464</v>
      </c>
      <c r="B85" s="1" t="s">
        <v>147</v>
      </c>
      <c r="C85" s="1" t="s">
        <v>465</v>
      </c>
      <c r="D85" s="1" t="s">
        <v>53</v>
      </c>
      <c r="E85" s="1" t="s">
        <v>466</v>
      </c>
      <c r="F85" s="1" t="s">
        <v>467</v>
      </c>
      <c r="G85" s="1" t="s">
        <v>163</v>
      </c>
      <c r="H85" s="1" t="s">
        <v>468</v>
      </c>
      <c r="I85" s="1" t="s">
        <v>24</v>
      </c>
      <c r="J85" s="1" t="s">
        <v>24</v>
      </c>
      <c r="K85" s="1" t="s">
        <v>24</v>
      </c>
      <c r="L85" s="1" t="s">
        <v>24</v>
      </c>
      <c r="M85" s="1" t="s">
        <v>24</v>
      </c>
      <c r="N85" s="1" t="s">
        <v>24</v>
      </c>
      <c r="O85" s="1">
        <v>35.464513199999999</v>
      </c>
      <c r="P85" s="1">
        <v>133.0645154</v>
      </c>
    </row>
    <row r="86" spans="1:16" ht="20.100000000000001" customHeight="1" x14ac:dyDescent="0.4">
      <c r="A86" s="1" t="s">
        <v>469</v>
      </c>
      <c r="B86" s="1" t="s">
        <v>470</v>
      </c>
      <c r="C86" s="1" t="s">
        <v>471</v>
      </c>
      <c r="D86" s="1" t="s">
        <v>53</v>
      </c>
      <c r="E86" s="1" t="s">
        <v>472</v>
      </c>
      <c r="F86" s="1" t="s">
        <v>473</v>
      </c>
      <c r="G86" s="1" t="s">
        <v>474</v>
      </c>
      <c r="H86" s="1"/>
      <c r="I86" s="1" t="s">
        <v>24</v>
      </c>
      <c r="J86" s="1" t="s">
        <v>24</v>
      </c>
      <c r="K86" s="1" t="s">
        <v>24</v>
      </c>
      <c r="L86" s="1" t="s">
        <v>25</v>
      </c>
      <c r="M86" s="1" t="s">
        <v>24</v>
      </c>
      <c r="N86" s="1" t="s">
        <v>24</v>
      </c>
      <c r="O86" s="1">
        <v>35.471961800000003</v>
      </c>
      <c r="P86" s="1">
        <v>133.0485305</v>
      </c>
    </row>
    <row r="87" spans="1:16" ht="20.100000000000001" customHeight="1" x14ac:dyDescent="0.4">
      <c r="A87" s="1" t="s">
        <v>475</v>
      </c>
      <c r="B87" s="1" t="s">
        <v>476</v>
      </c>
      <c r="C87" s="1" t="s">
        <v>477</v>
      </c>
      <c r="D87" s="1" t="s">
        <v>19</v>
      </c>
      <c r="E87" s="1" t="s">
        <v>478</v>
      </c>
      <c r="F87" s="1" t="s">
        <v>479</v>
      </c>
      <c r="G87" s="1" t="s">
        <v>480</v>
      </c>
      <c r="H87" s="1" t="s">
        <v>481</v>
      </c>
      <c r="I87" s="1" t="s">
        <v>24</v>
      </c>
      <c r="J87" s="1" t="s">
        <v>24</v>
      </c>
      <c r="K87" s="1" t="s">
        <v>24</v>
      </c>
      <c r="L87" s="1" t="s">
        <v>24</v>
      </c>
      <c r="M87" s="1" t="s">
        <v>24</v>
      </c>
      <c r="N87" s="1" t="s">
        <v>24</v>
      </c>
      <c r="O87" s="1">
        <v>35.392483200000001</v>
      </c>
      <c r="P87" s="1">
        <v>132.8435245</v>
      </c>
    </row>
    <row r="88" spans="1:16" ht="20.100000000000001" customHeight="1" x14ac:dyDescent="0.4">
      <c r="A88" s="1" t="s">
        <v>482</v>
      </c>
      <c r="B88" s="1" t="s">
        <v>483</v>
      </c>
      <c r="C88" s="1" t="s">
        <v>484</v>
      </c>
      <c r="D88" s="1" t="s">
        <v>53</v>
      </c>
      <c r="E88" s="1" t="s">
        <v>485</v>
      </c>
      <c r="F88" s="1" t="s">
        <v>21</v>
      </c>
      <c r="G88" s="1" t="s">
        <v>31</v>
      </c>
      <c r="H88" s="1" t="s">
        <v>486</v>
      </c>
      <c r="I88" s="1" t="s">
        <v>24</v>
      </c>
      <c r="J88" s="1" t="s">
        <v>24</v>
      </c>
      <c r="K88" s="1" t="s">
        <v>24</v>
      </c>
      <c r="L88" s="1" t="s">
        <v>24</v>
      </c>
      <c r="M88" s="1" t="s">
        <v>24</v>
      </c>
      <c r="N88" s="1" t="s">
        <v>24</v>
      </c>
      <c r="O88" s="1">
        <v>35.463949499999998</v>
      </c>
      <c r="P88" s="1">
        <v>133.0695872</v>
      </c>
    </row>
    <row r="89" spans="1:16" ht="20.100000000000001" customHeight="1" x14ac:dyDescent="0.4">
      <c r="A89" s="1" t="s">
        <v>487</v>
      </c>
      <c r="B89" s="1" t="s">
        <v>488</v>
      </c>
      <c r="C89" s="1" t="s">
        <v>489</v>
      </c>
      <c r="D89" s="1" t="s">
        <v>53</v>
      </c>
      <c r="E89" s="1" t="s">
        <v>490</v>
      </c>
      <c r="F89" s="1" t="s">
        <v>491</v>
      </c>
      <c r="G89" s="1" t="s">
        <v>56</v>
      </c>
      <c r="H89" s="1" t="s">
        <v>492</v>
      </c>
      <c r="I89" s="1" t="s">
        <v>24</v>
      </c>
      <c r="J89" s="1" t="s">
        <v>24</v>
      </c>
      <c r="K89" s="1" t="s">
        <v>25</v>
      </c>
      <c r="L89" s="1" t="s">
        <v>25</v>
      </c>
      <c r="M89" s="1" t="s">
        <v>24</v>
      </c>
      <c r="N89" s="1" t="s">
        <v>24</v>
      </c>
      <c r="O89" s="1">
        <v>35.471156499999999</v>
      </c>
      <c r="P89" s="1">
        <v>133.05078030000001</v>
      </c>
    </row>
    <row r="90" spans="1:16" ht="20.100000000000001" customHeight="1" x14ac:dyDescent="0.4">
      <c r="A90" s="1" t="s">
        <v>493</v>
      </c>
      <c r="B90" s="1" t="s">
        <v>488</v>
      </c>
      <c r="C90" s="1" t="s">
        <v>494</v>
      </c>
      <c r="D90" s="1" t="s">
        <v>53</v>
      </c>
      <c r="E90" s="1" t="s">
        <v>490</v>
      </c>
      <c r="F90" s="1" t="s">
        <v>491</v>
      </c>
      <c r="G90" s="1" t="s">
        <v>56</v>
      </c>
      <c r="H90" s="1" t="s">
        <v>492</v>
      </c>
      <c r="I90" s="1" t="s">
        <v>24</v>
      </c>
      <c r="J90" s="1" t="s">
        <v>24</v>
      </c>
      <c r="K90" s="1" t="s">
        <v>25</v>
      </c>
      <c r="L90" s="1" t="s">
        <v>25</v>
      </c>
      <c r="M90" s="1" t="s">
        <v>24</v>
      </c>
      <c r="N90" s="1" t="s">
        <v>24</v>
      </c>
      <c r="O90" s="1">
        <v>35.4708009</v>
      </c>
      <c r="P90" s="1">
        <v>133.0499748</v>
      </c>
    </row>
    <row r="91" spans="1:16" ht="20.100000000000001" customHeight="1" x14ac:dyDescent="0.4">
      <c r="A91" s="1" t="s">
        <v>495</v>
      </c>
      <c r="B91" s="1" t="s">
        <v>488</v>
      </c>
      <c r="C91" s="1" t="s">
        <v>489</v>
      </c>
      <c r="D91" s="1" t="s">
        <v>53</v>
      </c>
      <c r="E91" s="1" t="s">
        <v>490</v>
      </c>
      <c r="F91" s="1" t="s">
        <v>491</v>
      </c>
      <c r="G91" s="1" t="s">
        <v>56</v>
      </c>
      <c r="H91" s="1" t="s">
        <v>492</v>
      </c>
      <c r="I91" s="1" t="s">
        <v>24</v>
      </c>
      <c r="J91" s="1" t="s">
        <v>25</v>
      </c>
      <c r="K91" s="1" t="s">
        <v>25</v>
      </c>
      <c r="L91" s="1" t="s">
        <v>25</v>
      </c>
      <c r="M91" s="1" t="s">
        <v>24</v>
      </c>
      <c r="N91" s="1" t="s">
        <v>24</v>
      </c>
      <c r="O91" s="1">
        <v>35.471156499999999</v>
      </c>
      <c r="P91" s="1">
        <v>133.05078030000001</v>
      </c>
    </row>
    <row r="92" spans="1:16" ht="20.100000000000001" customHeight="1" x14ac:dyDescent="0.4">
      <c r="A92" s="1" t="s">
        <v>496</v>
      </c>
      <c r="B92" s="1" t="s">
        <v>488</v>
      </c>
      <c r="C92" s="1" t="s">
        <v>497</v>
      </c>
      <c r="D92" s="1" t="s">
        <v>53</v>
      </c>
      <c r="E92" s="1" t="s">
        <v>490</v>
      </c>
      <c r="F92" s="1" t="s">
        <v>491</v>
      </c>
      <c r="G92" s="1" t="s">
        <v>56</v>
      </c>
      <c r="H92" s="1" t="s">
        <v>492</v>
      </c>
      <c r="I92" s="1" t="s">
        <v>24</v>
      </c>
      <c r="J92" s="1" t="s">
        <v>24</v>
      </c>
      <c r="K92" s="1" t="s">
        <v>25</v>
      </c>
      <c r="L92" s="1" t="s">
        <v>25</v>
      </c>
      <c r="M92" s="1" t="s">
        <v>24</v>
      </c>
      <c r="N92" s="1" t="s">
        <v>24</v>
      </c>
      <c r="O92" s="1">
        <v>35.470481499999998</v>
      </c>
      <c r="P92" s="1">
        <v>133.0511358</v>
      </c>
    </row>
    <row r="93" spans="1:16" ht="20.100000000000001" customHeight="1" x14ac:dyDescent="0.4">
      <c r="A93" s="1" t="s">
        <v>498</v>
      </c>
      <c r="B93" s="1" t="s">
        <v>488</v>
      </c>
      <c r="C93" s="1" t="s">
        <v>499</v>
      </c>
      <c r="D93" s="1" t="s">
        <v>53</v>
      </c>
      <c r="E93" s="1" t="s">
        <v>490</v>
      </c>
      <c r="F93" s="1" t="s">
        <v>491</v>
      </c>
      <c r="G93" s="1" t="s">
        <v>56</v>
      </c>
      <c r="H93" s="1" t="s">
        <v>492</v>
      </c>
      <c r="I93" s="1" t="s">
        <v>24</v>
      </c>
      <c r="J93" s="1" t="s">
        <v>24</v>
      </c>
      <c r="K93" s="1" t="s">
        <v>25</v>
      </c>
      <c r="L93" s="1" t="s">
        <v>25</v>
      </c>
      <c r="M93" s="1" t="s">
        <v>24</v>
      </c>
      <c r="N93" s="1" t="s">
        <v>24</v>
      </c>
      <c r="O93" s="1">
        <v>35.472073100000003</v>
      </c>
      <c r="P93" s="1">
        <v>133.052719</v>
      </c>
    </row>
    <row r="94" spans="1:16" ht="20.100000000000001" customHeight="1" x14ac:dyDescent="0.4">
      <c r="A94" s="1" t="s">
        <v>500</v>
      </c>
      <c r="B94" s="1" t="s">
        <v>501</v>
      </c>
      <c r="C94" s="1" t="s">
        <v>502</v>
      </c>
      <c r="D94" s="1" t="s">
        <v>53</v>
      </c>
      <c r="E94" s="1" t="s">
        <v>503</v>
      </c>
      <c r="F94" s="1" t="s">
        <v>504</v>
      </c>
      <c r="G94" s="1" t="s">
        <v>505</v>
      </c>
      <c r="H94" s="1" t="s">
        <v>506</v>
      </c>
      <c r="I94" s="1" t="s">
        <v>24</v>
      </c>
      <c r="J94" s="1" t="s">
        <v>24</v>
      </c>
      <c r="K94" s="1" t="s">
        <v>24</v>
      </c>
      <c r="L94" s="1" t="s">
        <v>25</v>
      </c>
      <c r="M94" s="1" t="s">
        <v>24</v>
      </c>
      <c r="N94" s="1" t="s">
        <v>24</v>
      </c>
      <c r="O94" s="1">
        <v>35.4596412</v>
      </c>
      <c r="P94" s="1">
        <v>133.05258599999999</v>
      </c>
    </row>
    <row r="95" spans="1:16" ht="20.100000000000001" customHeight="1" x14ac:dyDescent="0.4">
      <c r="A95" s="1" t="s">
        <v>507</v>
      </c>
      <c r="B95" s="1" t="s">
        <v>17</v>
      </c>
      <c r="C95" s="1" t="s">
        <v>508</v>
      </c>
      <c r="D95" s="1" t="s">
        <v>19</v>
      </c>
      <c r="E95" s="1" t="s">
        <v>509</v>
      </c>
      <c r="F95" s="1" t="s">
        <v>510</v>
      </c>
      <c r="G95" s="1" t="s">
        <v>56</v>
      </c>
      <c r="H95" s="1" t="s">
        <v>511</v>
      </c>
      <c r="I95" s="1" t="s">
        <v>24</v>
      </c>
      <c r="J95" s="1" t="s">
        <v>24</v>
      </c>
      <c r="K95" s="1" t="s">
        <v>25</v>
      </c>
      <c r="L95" s="1" t="s">
        <v>25</v>
      </c>
      <c r="M95" s="1" t="s">
        <v>24</v>
      </c>
      <c r="N95" s="1" t="s">
        <v>24</v>
      </c>
      <c r="O95" s="1">
        <v>35.462267670000003</v>
      </c>
      <c r="P95" s="1">
        <v>132.87949470000001</v>
      </c>
    </row>
    <row r="96" spans="1:16" ht="20.100000000000001" customHeight="1" x14ac:dyDescent="0.4">
      <c r="A96" s="1" t="s">
        <v>512</v>
      </c>
      <c r="B96" s="1" t="s">
        <v>513</v>
      </c>
      <c r="C96" s="1" t="s">
        <v>514</v>
      </c>
      <c r="D96" s="1" t="s">
        <v>29</v>
      </c>
      <c r="E96" s="1" t="s">
        <v>515</v>
      </c>
      <c r="F96" s="1" t="s">
        <v>516</v>
      </c>
      <c r="G96" s="1" t="s">
        <v>56</v>
      </c>
      <c r="H96" s="1"/>
      <c r="I96" s="1" t="s">
        <v>24</v>
      </c>
      <c r="J96" s="1" t="s">
        <v>24</v>
      </c>
      <c r="K96" s="1" t="s">
        <v>25</v>
      </c>
      <c r="L96" s="1" t="s">
        <v>25</v>
      </c>
      <c r="M96" s="1" t="s">
        <v>24</v>
      </c>
      <c r="N96" s="1" t="s">
        <v>24</v>
      </c>
      <c r="O96" s="1">
        <v>34.897777400000003</v>
      </c>
      <c r="P96" s="1">
        <v>132.0707036</v>
      </c>
    </row>
    <row r="97" spans="1:16" ht="20.100000000000001" customHeight="1" x14ac:dyDescent="0.4">
      <c r="A97" s="1" t="s">
        <v>517</v>
      </c>
      <c r="B97" s="1" t="s">
        <v>518</v>
      </c>
      <c r="C97" s="1" t="s">
        <v>519</v>
      </c>
      <c r="D97" s="1" t="s">
        <v>84</v>
      </c>
      <c r="E97" s="1" t="s">
        <v>520</v>
      </c>
      <c r="F97" s="1" t="s">
        <v>521</v>
      </c>
      <c r="G97" s="1" t="s">
        <v>522</v>
      </c>
      <c r="H97" s="1" t="s">
        <v>523</v>
      </c>
      <c r="I97" s="1" t="s">
        <v>24</v>
      </c>
      <c r="J97" s="1" t="s">
        <v>25</v>
      </c>
      <c r="K97" s="1" t="s">
        <v>25</v>
      </c>
      <c r="L97" s="1" t="s">
        <v>25</v>
      </c>
      <c r="M97" s="1" t="s">
        <v>24</v>
      </c>
      <c r="N97" s="1" t="s">
        <v>24</v>
      </c>
      <c r="O97" s="1">
        <v>34.941480499999997</v>
      </c>
      <c r="P97" s="1">
        <v>132.5207724</v>
      </c>
    </row>
    <row r="98" spans="1:16" ht="20.100000000000001" customHeight="1" x14ac:dyDescent="0.4">
      <c r="A98" s="1" t="s">
        <v>524</v>
      </c>
      <c r="B98" s="1" t="s">
        <v>102</v>
      </c>
      <c r="C98" s="1" t="s">
        <v>525</v>
      </c>
      <c r="D98" s="1" t="s">
        <v>84</v>
      </c>
      <c r="E98" s="1" t="s">
        <v>526</v>
      </c>
      <c r="F98" s="1" t="s">
        <v>516</v>
      </c>
      <c r="G98" s="1" t="s">
        <v>56</v>
      </c>
      <c r="H98" s="1" t="s">
        <v>527</v>
      </c>
      <c r="I98" s="1" t="s">
        <v>24</v>
      </c>
      <c r="J98" s="1" t="s">
        <v>24</v>
      </c>
      <c r="K98" s="1" t="s">
        <v>25</v>
      </c>
      <c r="L98" s="1" t="s">
        <v>25</v>
      </c>
      <c r="M98" s="1" t="s">
        <v>24</v>
      </c>
      <c r="N98" s="1" t="s">
        <v>24</v>
      </c>
      <c r="O98" s="1">
        <v>35.19980949</v>
      </c>
      <c r="P98" s="1">
        <v>132.49642460000001</v>
      </c>
    </row>
    <row r="99" spans="1:16" ht="20.100000000000001" customHeight="1" x14ac:dyDescent="0.4">
      <c r="A99" s="1" t="s">
        <v>528</v>
      </c>
      <c r="B99" s="1" t="s">
        <v>529</v>
      </c>
      <c r="C99" s="1" t="s">
        <v>530</v>
      </c>
      <c r="D99" s="1" t="s">
        <v>19</v>
      </c>
      <c r="E99" s="1" t="s">
        <v>531</v>
      </c>
      <c r="F99" s="2" t="s">
        <v>532</v>
      </c>
      <c r="G99" s="1" t="s">
        <v>533</v>
      </c>
      <c r="H99" s="1" t="s">
        <v>534</v>
      </c>
      <c r="I99" s="1" t="s">
        <v>24</v>
      </c>
      <c r="J99" s="1" t="s">
        <v>24</v>
      </c>
      <c r="K99" s="1" t="s">
        <v>24</v>
      </c>
      <c r="L99" s="1" t="s">
        <v>24</v>
      </c>
      <c r="M99" s="1" t="s">
        <v>24</v>
      </c>
      <c r="N99" s="1" t="s">
        <v>24</v>
      </c>
      <c r="O99" s="1">
        <v>35.398819199999998</v>
      </c>
      <c r="P99" s="1">
        <v>132.68875869999999</v>
      </c>
    </row>
    <row r="100" spans="1:16" ht="20.100000000000001" customHeight="1" x14ac:dyDescent="0.4">
      <c r="A100" s="1" t="s">
        <v>535</v>
      </c>
      <c r="B100" s="1" t="s">
        <v>536</v>
      </c>
      <c r="C100" s="1" t="s">
        <v>537</v>
      </c>
      <c r="D100" s="1" t="s">
        <v>53</v>
      </c>
      <c r="E100" s="1" t="s">
        <v>538</v>
      </c>
      <c r="F100" s="1" t="s">
        <v>21</v>
      </c>
      <c r="G100" s="1" t="s">
        <v>539</v>
      </c>
      <c r="H100" s="1"/>
      <c r="I100" s="1" t="s">
        <v>24</v>
      </c>
      <c r="J100" s="1" t="s">
        <v>24</v>
      </c>
      <c r="K100" s="1" t="s">
        <v>24</v>
      </c>
      <c r="L100" s="1" t="s">
        <v>24</v>
      </c>
      <c r="M100" s="1" t="s">
        <v>24</v>
      </c>
      <c r="N100" s="1" t="s">
        <v>24</v>
      </c>
      <c r="O100" s="1">
        <v>35.4326699</v>
      </c>
      <c r="P100" s="1">
        <v>133.142054</v>
      </c>
    </row>
    <row r="101" spans="1:16" ht="20.100000000000001" customHeight="1" x14ac:dyDescent="0.4">
      <c r="A101" s="1" t="s">
        <v>540</v>
      </c>
      <c r="B101" s="1" t="s">
        <v>541</v>
      </c>
      <c r="C101" s="1" t="s">
        <v>542</v>
      </c>
      <c r="D101" s="1" t="s">
        <v>543</v>
      </c>
      <c r="E101" s="1" t="s">
        <v>544</v>
      </c>
      <c r="F101" s="1" t="s">
        <v>491</v>
      </c>
      <c r="G101" s="1" t="s">
        <v>56</v>
      </c>
      <c r="H101" s="1" t="s">
        <v>492</v>
      </c>
      <c r="I101" s="1" t="s">
        <v>24</v>
      </c>
      <c r="J101" s="1" t="s">
        <v>24</v>
      </c>
      <c r="K101" s="1" t="s">
        <v>25</v>
      </c>
      <c r="L101" s="1" t="s">
        <v>25</v>
      </c>
      <c r="M101" s="1" t="s">
        <v>24</v>
      </c>
      <c r="N101" s="1" t="s">
        <v>24</v>
      </c>
      <c r="O101" s="1">
        <v>36.202300700000002</v>
      </c>
      <c r="P101" s="1">
        <v>133.32805540000001</v>
      </c>
    </row>
    <row r="102" spans="1:16" ht="20.100000000000001" customHeight="1" x14ac:dyDescent="0.4">
      <c r="A102" s="1" t="s">
        <v>545</v>
      </c>
      <c r="B102" s="1" t="s">
        <v>541</v>
      </c>
      <c r="C102" s="1" t="s">
        <v>546</v>
      </c>
      <c r="D102" s="1" t="s">
        <v>543</v>
      </c>
      <c r="E102" s="1" t="s">
        <v>547</v>
      </c>
      <c r="F102" s="1" t="s">
        <v>491</v>
      </c>
      <c r="G102" s="1" t="s">
        <v>56</v>
      </c>
      <c r="H102" s="1" t="s">
        <v>548</v>
      </c>
      <c r="I102" s="1" t="s">
        <v>24</v>
      </c>
      <c r="J102" s="1" t="s">
        <v>25</v>
      </c>
      <c r="K102" s="1" t="s">
        <v>25</v>
      </c>
      <c r="L102" s="1" t="s">
        <v>25</v>
      </c>
      <c r="M102" s="1" t="s">
        <v>24</v>
      </c>
      <c r="N102" s="1" t="s">
        <v>24</v>
      </c>
      <c r="O102" s="1">
        <v>36.109907100000001</v>
      </c>
      <c r="P102" s="1">
        <v>133.04030729999999</v>
      </c>
    </row>
    <row r="103" spans="1:16" ht="20.100000000000001" customHeight="1" x14ac:dyDescent="0.4">
      <c r="A103" s="1" t="s">
        <v>549</v>
      </c>
      <c r="B103" s="1" t="s">
        <v>316</v>
      </c>
      <c r="C103" s="1" t="s">
        <v>550</v>
      </c>
      <c r="D103" s="1" t="s">
        <v>53</v>
      </c>
      <c r="E103" s="1" t="s">
        <v>551</v>
      </c>
      <c r="F103" s="1" t="s">
        <v>552</v>
      </c>
      <c r="G103" s="1" t="s">
        <v>56</v>
      </c>
      <c r="H103" s="1" t="s">
        <v>553</v>
      </c>
      <c r="I103" s="1" t="s">
        <v>24</v>
      </c>
      <c r="J103" s="1" t="s">
        <v>24</v>
      </c>
      <c r="K103" s="1" t="s">
        <v>25</v>
      </c>
      <c r="L103" s="1" t="s">
        <v>25</v>
      </c>
      <c r="M103" s="1" t="s">
        <v>24</v>
      </c>
      <c r="N103" s="1" t="s">
        <v>24</v>
      </c>
      <c r="O103" s="1">
        <v>35.4827558</v>
      </c>
      <c r="P103" s="1">
        <v>133.07671070000001</v>
      </c>
    </row>
    <row r="104" spans="1:16" ht="20.100000000000001" customHeight="1" x14ac:dyDescent="0.4">
      <c r="A104" s="1" t="s">
        <v>554</v>
      </c>
      <c r="B104" s="1" t="s">
        <v>555</v>
      </c>
      <c r="C104" s="1" t="s">
        <v>556</v>
      </c>
      <c r="D104" s="1" t="s">
        <v>53</v>
      </c>
      <c r="E104" s="1" t="s">
        <v>557</v>
      </c>
      <c r="F104" s="1" t="s">
        <v>21</v>
      </c>
      <c r="G104" s="1" t="s">
        <v>169</v>
      </c>
      <c r="H104" s="1" t="s">
        <v>558</v>
      </c>
      <c r="I104" s="1" t="s">
        <v>24</v>
      </c>
      <c r="J104" s="1" t="s">
        <v>24</v>
      </c>
      <c r="K104" s="1" t="s">
        <v>25</v>
      </c>
      <c r="L104" s="1" t="s">
        <v>25</v>
      </c>
      <c r="M104" s="1" t="s">
        <v>24</v>
      </c>
      <c r="N104" s="1" t="s">
        <v>24</v>
      </c>
      <c r="O104" s="1">
        <v>35.499847799999998</v>
      </c>
      <c r="P104" s="1">
        <v>133.062456</v>
      </c>
    </row>
    <row r="105" spans="1:16" ht="20.100000000000001" customHeight="1" x14ac:dyDescent="0.4">
      <c r="A105" s="1" t="s">
        <v>559</v>
      </c>
      <c r="B105" s="1" t="s">
        <v>560</v>
      </c>
      <c r="C105" s="1" t="s">
        <v>561</v>
      </c>
      <c r="D105" s="1" t="s">
        <v>19</v>
      </c>
      <c r="E105" s="1" t="s">
        <v>562</v>
      </c>
      <c r="F105" s="1" t="s">
        <v>122</v>
      </c>
      <c r="G105" s="1" t="s">
        <v>563</v>
      </c>
      <c r="H105" s="1" t="s">
        <v>564</v>
      </c>
      <c r="I105" s="1" t="s">
        <v>24</v>
      </c>
      <c r="J105" s="1" t="s">
        <v>24</v>
      </c>
      <c r="K105" s="1" t="s">
        <v>24</v>
      </c>
      <c r="L105" s="1" t="s">
        <v>24</v>
      </c>
      <c r="M105" s="1" t="s">
        <v>24</v>
      </c>
      <c r="N105" s="1" t="s">
        <v>24</v>
      </c>
      <c r="O105" s="1">
        <v>35.414531599999997</v>
      </c>
      <c r="P105" s="1">
        <v>132.8857117</v>
      </c>
    </row>
    <row r="106" spans="1:16" ht="20.100000000000001" customHeight="1" x14ac:dyDescent="0.4">
      <c r="A106" s="1" t="s">
        <v>565</v>
      </c>
      <c r="B106" s="1" t="s">
        <v>566</v>
      </c>
      <c r="C106" s="1" t="s">
        <v>567</v>
      </c>
      <c r="D106" s="1" t="s">
        <v>35</v>
      </c>
      <c r="E106" s="1" t="s">
        <v>568</v>
      </c>
      <c r="F106" s="1" t="s">
        <v>21</v>
      </c>
      <c r="G106" s="1" t="s">
        <v>283</v>
      </c>
      <c r="H106" s="1" t="s">
        <v>569</v>
      </c>
      <c r="I106" s="1" t="s">
        <v>24</v>
      </c>
      <c r="J106" s="1" t="s">
        <v>24</v>
      </c>
      <c r="K106" s="1" t="s">
        <v>24</v>
      </c>
      <c r="L106" s="1" t="s">
        <v>24</v>
      </c>
      <c r="M106" s="1" t="s">
        <v>24</v>
      </c>
      <c r="N106" s="1" t="s">
        <v>24</v>
      </c>
      <c r="O106" s="1">
        <v>34.678229999999999</v>
      </c>
      <c r="P106" s="1">
        <v>131.79739720000001</v>
      </c>
    </row>
    <row r="107" spans="1:16" ht="20.100000000000001" customHeight="1" x14ac:dyDescent="0.4">
      <c r="A107" s="1" t="s">
        <v>570</v>
      </c>
      <c r="B107" s="1" t="s">
        <v>571</v>
      </c>
      <c r="C107" s="1" t="s">
        <v>572</v>
      </c>
      <c r="D107" s="1" t="s">
        <v>29</v>
      </c>
      <c r="E107" s="1" t="s">
        <v>573</v>
      </c>
      <c r="F107" s="1" t="s">
        <v>552</v>
      </c>
      <c r="G107" s="1" t="s">
        <v>56</v>
      </c>
      <c r="H107" s="1" t="s">
        <v>574</v>
      </c>
      <c r="I107" s="1" t="s">
        <v>24</v>
      </c>
      <c r="J107" s="1" t="s">
        <v>25</v>
      </c>
      <c r="K107" s="1" t="s">
        <v>25</v>
      </c>
      <c r="L107" s="1" t="s">
        <v>25</v>
      </c>
      <c r="M107" s="1" t="s">
        <v>24</v>
      </c>
      <c r="N107" s="1" t="s">
        <v>24</v>
      </c>
      <c r="O107" s="1">
        <v>34.925444800000001</v>
      </c>
      <c r="P107" s="1">
        <v>132.11863729999999</v>
      </c>
    </row>
    <row r="108" spans="1:16" ht="20.100000000000001" customHeight="1" x14ac:dyDescent="0.4">
      <c r="A108" s="1" t="s">
        <v>575</v>
      </c>
      <c r="B108" s="1" t="s">
        <v>65</v>
      </c>
      <c r="C108" s="1" t="s">
        <v>576</v>
      </c>
      <c r="D108" s="1" t="s">
        <v>53</v>
      </c>
      <c r="E108" s="1" t="s">
        <v>577</v>
      </c>
      <c r="F108" s="1" t="s">
        <v>355</v>
      </c>
      <c r="G108" s="1" t="s">
        <v>578</v>
      </c>
      <c r="H108" s="1"/>
      <c r="I108" s="1" t="s">
        <v>25</v>
      </c>
      <c r="J108" s="1" t="s">
        <v>24</v>
      </c>
      <c r="K108" s="1" t="s">
        <v>25</v>
      </c>
      <c r="L108" s="1" t="s">
        <v>25</v>
      </c>
      <c r="M108" s="1" t="s">
        <v>24</v>
      </c>
      <c r="N108" s="1" t="s">
        <v>24</v>
      </c>
      <c r="O108" s="1">
        <v>35.471417600000002</v>
      </c>
      <c r="P108" s="1">
        <v>133.05285509999999</v>
      </c>
    </row>
    <row r="109" spans="1:16" ht="20.100000000000001" customHeight="1" x14ac:dyDescent="0.4">
      <c r="A109" s="1" t="s">
        <v>579</v>
      </c>
      <c r="B109" s="1" t="s">
        <v>102</v>
      </c>
      <c r="C109" s="1" t="s">
        <v>580</v>
      </c>
      <c r="D109" s="1" t="s">
        <v>84</v>
      </c>
      <c r="E109" s="1" t="s">
        <v>581</v>
      </c>
      <c r="F109" s="1" t="s">
        <v>582</v>
      </c>
      <c r="G109" s="1" t="s">
        <v>583</v>
      </c>
      <c r="H109" s="1" t="s">
        <v>584</v>
      </c>
      <c r="I109" s="1" t="s">
        <v>24</v>
      </c>
      <c r="J109" s="1" t="s">
        <v>24</v>
      </c>
      <c r="K109" s="1" t="s">
        <v>24</v>
      </c>
      <c r="L109" s="1" t="s">
        <v>24</v>
      </c>
      <c r="M109" s="1" t="s">
        <v>24</v>
      </c>
      <c r="N109" s="1" t="s">
        <v>24</v>
      </c>
      <c r="O109" s="1">
        <v>35.200102600000001</v>
      </c>
      <c r="P109" s="1">
        <v>132.49877660000001</v>
      </c>
    </row>
    <row r="110" spans="1:16" ht="20.100000000000001" customHeight="1" x14ac:dyDescent="0.4">
      <c r="A110" s="1" t="s">
        <v>585</v>
      </c>
      <c r="B110" s="1" t="s">
        <v>518</v>
      </c>
      <c r="C110" s="1" t="s">
        <v>586</v>
      </c>
      <c r="D110" s="1" t="s">
        <v>84</v>
      </c>
      <c r="E110" s="1" t="s">
        <v>587</v>
      </c>
      <c r="F110" s="1"/>
      <c r="G110" s="1"/>
      <c r="H110" s="1" t="s">
        <v>588</v>
      </c>
      <c r="I110" s="1" t="s">
        <v>24</v>
      </c>
      <c r="J110" s="1" t="s">
        <v>24</v>
      </c>
      <c r="K110" s="1" t="s">
        <v>25</v>
      </c>
      <c r="L110" s="1" t="s">
        <v>25</v>
      </c>
      <c r="M110" s="1" t="s">
        <v>24</v>
      </c>
      <c r="N110" s="1" t="s">
        <v>24</v>
      </c>
      <c r="O110" s="1">
        <v>34.991622800000002</v>
      </c>
      <c r="P110" s="1">
        <v>132.49703729999999</v>
      </c>
    </row>
    <row r="111" spans="1:16" ht="20.100000000000001" customHeight="1" x14ac:dyDescent="0.4">
      <c r="A111" s="1" t="s">
        <v>589</v>
      </c>
      <c r="B111" s="1" t="s">
        <v>590</v>
      </c>
      <c r="C111" s="1" t="s">
        <v>591</v>
      </c>
      <c r="D111" s="1" t="s">
        <v>53</v>
      </c>
      <c r="E111" s="1" t="s">
        <v>592</v>
      </c>
      <c r="F111" s="1"/>
      <c r="G111" s="1" t="s">
        <v>593</v>
      </c>
      <c r="H111" s="1" t="s">
        <v>594</v>
      </c>
      <c r="I111" s="1" t="s">
        <v>24</v>
      </c>
      <c r="J111" s="1" t="s">
        <v>24</v>
      </c>
      <c r="K111" s="1" t="s">
        <v>25</v>
      </c>
      <c r="L111" s="1" t="s">
        <v>25</v>
      </c>
      <c r="M111" s="1" t="s">
        <v>24</v>
      </c>
      <c r="N111" s="1" t="s">
        <v>24</v>
      </c>
      <c r="O111" s="1">
        <v>35.442343000000001</v>
      </c>
      <c r="P111" s="1">
        <v>133.0426544</v>
      </c>
    </row>
    <row r="112" spans="1:16" ht="20.100000000000001" customHeight="1" x14ac:dyDescent="0.4">
      <c r="A112" s="1" t="s">
        <v>595</v>
      </c>
      <c r="B112" s="1" t="s">
        <v>405</v>
      </c>
      <c r="C112" s="1" t="s">
        <v>596</v>
      </c>
      <c r="D112" s="1" t="s">
        <v>53</v>
      </c>
      <c r="E112" s="1" t="s">
        <v>597</v>
      </c>
      <c r="F112" s="1"/>
      <c r="G112" s="1" t="s">
        <v>598</v>
      </c>
      <c r="H112" s="1" t="s">
        <v>599</v>
      </c>
      <c r="I112" s="1" t="s">
        <v>24</v>
      </c>
      <c r="J112" s="1" t="s">
        <v>25</v>
      </c>
      <c r="K112" s="1" t="s">
        <v>25</v>
      </c>
      <c r="L112" s="1" t="s">
        <v>25</v>
      </c>
      <c r="M112" s="1" t="s">
        <v>24</v>
      </c>
      <c r="N112" s="1" t="s">
        <v>24</v>
      </c>
      <c r="O112" s="1">
        <v>35.445515299999997</v>
      </c>
      <c r="P112" s="1">
        <v>133.0628773</v>
      </c>
    </row>
    <row r="113" spans="1:16" ht="20.100000000000001" customHeight="1" x14ac:dyDescent="0.4">
      <c r="A113" s="1" t="s">
        <v>600</v>
      </c>
      <c r="B113" s="1" t="s">
        <v>215</v>
      </c>
      <c r="C113" s="1" t="s">
        <v>427</v>
      </c>
      <c r="D113" s="1" t="s">
        <v>53</v>
      </c>
      <c r="E113" s="1" t="s">
        <v>428</v>
      </c>
      <c r="F113" s="1"/>
      <c r="G113" s="1" t="s">
        <v>601</v>
      </c>
      <c r="H113" s="1" t="s">
        <v>599</v>
      </c>
      <c r="I113" s="1" t="s">
        <v>25</v>
      </c>
      <c r="J113" s="1" t="s">
        <v>24</v>
      </c>
      <c r="K113" s="1" t="s">
        <v>25</v>
      </c>
      <c r="L113" s="1" t="s">
        <v>25</v>
      </c>
      <c r="M113" s="1" t="s">
        <v>24</v>
      </c>
      <c r="N113" s="1" t="s">
        <v>24</v>
      </c>
      <c r="O113" s="1">
        <v>35.480766199999998</v>
      </c>
      <c r="P113" s="1">
        <v>133.0445833</v>
      </c>
    </row>
    <row r="114" spans="1:16" ht="20.100000000000001" customHeight="1" x14ac:dyDescent="0.4">
      <c r="A114" s="1" t="s">
        <v>602</v>
      </c>
      <c r="B114" s="1" t="s">
        <v>603</v>
      </c>
      <c r="C114" s="1" t="s">
        <v>604</v>
      </c>
      <c r="D114" s="1" t="s">
        <v>53</v>
      </c>
      <c r="E114" s="1" t="s">
        <v>605</v>
      </c>
      <c r="F114" s="1"/>
      <c r="G114" s="1" t="s">
        <v>598</v>
      </c>
      <c r="H114" s="1" t="s">
        <v>599</v>
      </c>
      <c r="I114" s="1" t="s">
        <v>25</v>
      </c>
      <c r="J114" s="1" t="s">
        <v>24</v>
      </c>
      <c r="K114" s="1" t="s">
        <v>25</v>
      </c>
      <c r="L114" s="1" t="s">
        <v>25</v>
      </c>
      <c r="M114" s="1" t="s">
        <v>24</v>
      </c>
      <c r="N114" s="1" t="s">
        <v>24</v>
      </c>
      <c r="O114" s="1">
        <v>35.469178999999997</v>
      </c>
      <c r="P114" s="1">
        <v>133.05471610000001</v>
      </c>
    </row>
    <row r="115" spans="1:16" ht="20.100000000000001" customHeight="1" x14ac:dyDescent="0.4">
      <c r="A115" s="1" t="s">
        <v>606</v>
      </c>
      <c r="B115" s="1" t="s">
        <v>607</v>
      </c>
      <c r="C115" s="1" t="s">
        <v>608</v>
      </c>
      <c r="D115" s="1" t="s">
        <v>35</v>
      </c>
      <c r="E115" s="1" t="s">
        <v>609</v>
      </c>
      <c r="F115" s="1" t="s">
        <v>610</v>
      </c>
      <c r="G115" s="1" t="s">
        <v>611</v>
      </c>
      <c r="H115" s="1" t="s">
        <v>612</v>
      </c>
      <c r="I115" s="1" t="s">
        <v>24</v>
      </c>
      <c r="J115" s="1" t="s">
        <v>24</v>
      </c>
      <c r="K115" s="1" t="s">
        <v>24</v>
      </c>
      <c r="L115" s="1" t="s">
        <v>24</v>
      </c>
      <c r="M115" s="1" t="s">
        <v>24</v>
      </c>
      <c r="N115" s="1" t="s">
        <v>24</v>
      </c>
      <c r="O115" s="1">
        <v>34.677316900000001</v>
      </c>
      <c r="P115" s="1">
        <v>131.83908450000001</v>
      </c>
    </row>
    <row r="116" spans="1:16" ht="20.100000000000001" customHeight="1" x14ac:dyDescent="0.4">
      <c r="A116" s="1" t="s">
        <v>613</v>
      </c>
      <c r="B116" s="1" t="s">
        <v>184</v>
      </c>
      <c r="C116" s="1" t="s">
        <v>614</v>
      </c>
      <c r="D116" s="1" t="s">
        <v>53</v>
      </c>
      <c r="E116" s="1" t="s">
        <v>615</v>
      </c>
      <c r="F116" s="1"/>
      <c r="G116" s="1" t="s">
        <v>616</v>
      </c>
      <c r="H116" s="1" t="s">
        <v>617</v>
      </c>
      <c r="I116" s="1" t="s">
        <v>24</v>
      </c>
      <c r="J116" s="1" t="s">
        <v>24</v>
      </c>
      <c r="K116" s="1" t="s">
        <v>25</v>
      </c>
      <c r="L116" s="1" t="s">
        <v>24</v>
      </c>
      <c r="M116" s="1" t="s">
        <v>24</v>
      </c>
      <c r="N116" s="1" t="s">
        <v>24</v>
      </c>
      <c r="O116" s="1">
        <v>35.475034299999997</v>
      </c>
      <c r="P116" s="1">
        <v>133.06819519999999</v>
      </c>
    </row>
    <row r="117" spans="1:16" ht="20.100000000000001" customHeight="1" x14ac:dyDescent="0.4">
      <c r="A117" s="1" t="s">
        <v>618</v>
      </c>
      <c r="B117" s="1" t="s">
        <v>619</v>
      </c>
      <c r="C117" s="1" t="s">
        <v>620</v>
      </c>
      <c r="D117" s="1" t="s">
        <v>19</v>
      </c>
      <c r="E117" s="1" t="s">
        <v>621</v>
      </c>
      <c r="F117" s="1" t="s">
        <v>21</v>
      </c>
      <c r="G117" s="1" t="s">
        <v>622</v>
      </c>
      <c r="H117" s="1" t="s">
        <v>623</v>
      </c>
      <c r="I117" s="1" t="s">
        <v>24</v>
      </c>
      <c r="J117" s="1" t="s">
        <v>24</v>
      </c>
      <c r="K117" s="1" t="s">
        <v>25</v>
      </c>
      <c r="L117" s="1" t="s">
        <v>25</v>
      </c>
      <c r="M117" s="1" t="s">
        <v>24</v>
      </c>
      <c r="N117" s="1" t="s">
        <v>24</v>
      </c>
      <c r="O117" s="1">
        <v>35.360710900000001</v>
      </c>
      <c r="P117" s="1">
        <v>132.75646209999999</v>
      </c>
    </row>
    <row r="118" spans="1:16" ht="20.100000000000001" customHeight="1" x14ac:dyDescent="0.4">
      <c r="A118" s="1" t="s">
        <v>624</v>
      </c>
      <c r="B118" s="1" t="s">
        <v>619</v>
      </c>
      <c r="C118" s="1" t="s">
        <v>625</v>
      </c>
      <c r="D118" s="1" t="s">
        <v>19</v>
      </c>
      <c r="E118" s="1" t="s">
        <v>626</v>
      </c>
      <c r="F118" s="1" t="s">
        <v>21</v>
      </c>
      <c r="G118" s="1" t="s">
        <v>627</v>
      </c>
      <c r="H118" s="1" t="s">
        <v>628</v>
      </c>
      <c r="I118" s="1" t="s">
        <v>24</v>
      </c>
      <c r="J118" s="1" t="s">
        <v>24</v>
      </c>
      <c r="K118" s="1" t="s">
        <v>25</v>
      </c>
      <c r="L118" s="1" t="s">
        <v>25</v>
      </c>
      <c r="M118" s="1" t="s">
        <v>24</v>
      </c>
      <c r="N118" s="1" t="s">
        <v>24</v>
      </c>
      <c r="O118" s="1">
        <v>35.361213599999999</v>
      </c>
      <c r="P118" s="1">
        <v>132.75550100000001</v>
      </c>
    </row>
    <row r="119" spans="1:16" ht="20.100000000000001" customHeight="1" x14ac:dyDescent="0.4">
      <c r="A119" s="1" t="s">
        <v>629</v>
      </c>
      <c r="B119" s="1" t="s">
        <v>619</v>
      </c>
      <c r="C119" s="1" t="s">
        <v>630</v>
      </c>
      <c r="D119" s="1" t="s">
        <v>19</v>
      </c>
      <c r="E119" s="1" t="s">
        <v>631</v>
      </c>
      <c r="F119" s="1" t="s">
        <v>632</v>
      </c>
      <c r="G119" s="1" t="s">
        <v>633</v>
      </c>
      <c r="H119" s="1" t="s">
        <v>623</v>
      </c>
      <c r="I119" s="1" t="s">
        <v>25</v>
      </c>
      <c r="J119" s="1" t="s">
        <v>25</v>
      </c>
      <c r="K119" s="1" t="s">
        <v>24</v>
      </c>
      <c r="L119" s="1" t="s">
        <v>25</v>
      </c>
      <c r="M119" s="1" t="s">
        <v>24</v>
      </c>
      <c r="N119" s="1" t="s">
        <v>24</v>
      </c>
      <c r="O119" s="1">
        <v>35.361305299999998</v>
      </c>
      <c r="P119" s="1">
        <v>132.75741189999999</v>
      </c>
    </row>
    <row r="120" spans="1:16" ht="20.100000000000001" customHeight="1" x14ac:dyDescent="0.4">
      <c r="A120" s="1" t="s">
        <v>634</v>
      </c>
      <c r="B120" s="1" t="s">
        <v>619</v>
      </c>
      <c r="C120" s="1" t="s">
        <v>635</v>
      </c>
      <c r="D120" s="1" t="s">
        <v>19</v>
      </c>
      <c r="E120" s="1" t="s">
        <v>636</v>
      </c>
      <c r="F120" s="1" t="s">
        <v>637</v>
      </c>
      <c r="G120" s="1" t="s">
        <v>638</v>
      </c>
      <c r="H120" s="1"/>
      <c r="I120" s="1" t="s">
        <v>24</v>
      </c>
      <c r="J120" s="1" t="s">
        <v>24</v>
      </c>
      <c r="K120" s="1" t="s">
        <v>25</v>
      </c>
      <c r="L120" s="1" t="s">
        <v>25</v>
      </c>
      <c r="M120" s="1" t="s">
        <v>24</v>
      </c>
      <c r="N120" s="1" t="s">
        <v>24</v>
      </c>
      <c r="O120" s="1">
        <v>35.361305299999998</v>
      </c>
      <c r="P120" s="1">
        <v>132.75741189999999</v>
      </c>
    </row>
    <row r="121" spans="1:16" ht="20.100000000000001" customHeight="1" x14ac:dyDescent="0.4">
      <c r="A121" s="1" t="s">
        <v>639</v>
      </c>
      <c r="B121" s="1" t="s">
        <v>640</v>
      </c>
      <c r="C121" s="1" t="s">
        <v>641</v>
      </c>
      <c r="D121" s="1" t="s">
        <v>19</v>
      </c>
      <c r="E121" s="1" t="s">
        <v>642</v>
      </c>
      <c r="F121" s="1" t="s">
        <v>643</v>
      </c>
      <c r="G121" s="1" t="s">
        <v>644</v>
      </c>
      <c r="H121" s="1" t="s">
        <v>628</v>
      </c>
      <c r="I121" s="1" t="s">
        <v>24</v>
      </c>
      <c r="J121" s="1" t="s">
        <v>24</v>
      </c>
      <c r="K121" s="1" t="s">
        <v>24</v>
      </c>
      <c r="L121" s="1" t="s">
        <v>25</v>
      </c>
      <c r="M121" s="1" t="s">
        <v>24</v>
      </c>
      <c r="N121" s="1" t="s">
        <v>24</v>
      </c>
      <c r="O121" s="1">
        <v>35.350003600000001</v>
      </c>
      <c r="P121" s="1">
        <v>132.74853809999999</v>
      </c>
    </row>
    <row r="122" spans="1:16" ht="20.100000000000001" customHeight="1" x14ac:dyDescent="0.4">
      <c r="A122" s="1" t="s">
        <v>645</v>
      </c>
      <c r="B122" s="1" t="s">
        <v>172</v>
      </c>
      <c r="C122" s="1" t="s">
        <v>646</v>
      </c>
      <c r="D122" s="1" t="s">
        <v>53</v>
      </c>
      <c r="E122" s="1" t="s">
        <v>647</v>
      </c>
      <c r="F122" s="1" t="s">
        <v>361</v>
      </c>
      <c r="G122" s="1" t="s">
        <v>334</v>
      </c>
      <c r="H122" s="1" t="s">
        <v>648</v>
      </c>
      <c r="I122" s="1" t="s">
        <v>24</v>
      </c>
      <c r="J122" s="1" t="s">
        <v>24</v>
      </c>
      <c r="K122" s="1" t="s">
        <v>24</v>
      </c>
      <c r="L122" s="1" t="s">
        <v>24</v>
      </c>
      <c r="M122" s="1" t="s">
        <v>24</v>
      </c>
      <c r="N122" s="1" t="s">
        <v>24</v>
      </c>
      <c r="O122" s="1">
        <v>35.459400199999997</v>
      </c>
      <c r="P122" s="1">
        <v>133.07921999999999</v>
      </c>
    </row>
    <row r="123" spans="1:16" ht="20.100000000000001" customHeight="1" x14ac:dyDescent="0.4">
      <c r="A123" s="1" t="s">
        <v>649</v>
      </c>
      <c r="B123" s="1" t="s">
        <v>172</v>
      </c>
      <c r="C123" s="1" t="s">
        <v>646</v>
      </c>
      <c r="D123" s="1" t="s">
        <v>53</v>
      </c>
      <c r="E123" s="1" t="s">
        <v>647</v>
      </c>
      <c r="F123" s="1" t="s">
        <v>361</v>
      </c>
      <c r="G123" s="1" t="s">
        <v>334</v>
      </c>
      <c r="H123" s="1" t="s">
        <v>648</v>
      </c>
      <c r="I123" s="1" t="s">
        <v>24</v>
      </c>
      <c r="J123" s="1" t="s">
        <v>25</v>
      </c>
      <c r="K123" s="1" t="s">
        <v>25</v>
      </c>
      <c r="L123" s="1" t="s">
        <v>24</v>
      </c>
      <c r="M123" s="1" t="s">
        <v>24</v>
      </c>
      <c r="N123" s="1" t="s">
        <v>24</v>
      </c>
      <c r="O123" s="1">
        <v>35.459400199999997</v>
      </c>
      <c r="P123" s="1">
        <v>133.07921999999999</v>
      </c>
    </row>
    <row r="124" spans="1:16" ht="20.100000000000001" customHeight="1" x14ac:dyDescent="0.4">
      <c r="A124" s="1" t="s">
        <v>650</v>
      </c>
      <c r="B124" s="1" t="s">
        <v>651</v>
      </c>
      <c r="C124" s="1" t="s">
        <v>652</v>
      </c>
      <c r="D124" s="1" t="s">
        <v>47</v>
      </c>
      <c r="E124" s="1" t="s">
        <v>653</v>
      </c>
      <c r="F124" s="1" t="s">
        <v>361</v>
      </c>
      <c r="G124" s="1" t="s">
        <v>334</v>
      </c>
      <c r="H124" s="1" t="s">
        <v>648</v>
      </c>
      <c r="I124" s="1" t="s">
        <v>24</v>
      </c>
      <c r="J124" s="1" t="s">
        <v>25</v>
      </c>
      <c r="K124" s="1" t="s">
        <v>24</v>
      </c>
      <c r="L124" s="1" t="s">
        <v>24</v>
      </c>
      <c r="M124" s="1" t="s">
        <v>24</v>
      </c>
      <c r="N124" s="1" t="s">
        <v>24</v>
      </c>
      <c r="O124" s="1">
        <v>35.300237799999998</v>
      </c>
      <c r="P124" s="1">
        <v>132.89123960000001</v>
      </c>
    </row>
    <row r="125" spans="1:16" ht="20.100000000000001" customHeight="1" x14ac:dyDescent="0.4">
      <c r="A125" s="1" t="s">
        <v>654</v>
      </c>
      <c r="B125" s="1" t="s">
        <v>342</v>
      </c>
      <c r="C125" s="1" t="s">
        <v>655</v>
      </c>
      <c r="D125" s="1" t="s">
        <v>53</v>
      </c>
      <c r="E125" s="1" t="s">
        <v>656</v>
      </c>
      <c r="F125" s="1" t="s">
        <v>361</v>
      </c>
      <c r="G125" s="1" t="s">
        <v>334</v>
      </c>
      <c r="H125" s="1" t="s">
        <v>648</v>
      </c>
      <c r="I125" s="1" t="s">
        <v>24</v>
      </c>
      <c r="J125" s="1" t="s">
        <v>25</v>
      </c>
      <c r="K125" s="1" t="s">
        <v>25</v>
      </c>
      <c r="L125" s="1" t="s">
        <v>24</v>
      </c>
      <c r="M125" s="1" t="s">
        <v>24</v>
      </c>
      <c r="N125" s="1" t="s">
        <v>24</v>
      </c>
      <c r="O125" s="1">
        <v>35.428603799999998</v>
      </c>
      <c r="P125" s="1">
        <v>133.26416420000001</v>
      </c>
    </row>
    <row r="126" spans="1:16" ht="20.100000000000001" customHeight="1" x14ac:dyDescent="0.4">
      <c r="A126" s="1" t="s">
        <v>657</v>
      </c>
      <c r="B126" s="1" t="s">
        <v>658</v>
      </c>
      <c r="C126" s="1" t="s">
        <v>659</v>
      </c>
      <c r="D126" s="1" t="s">
        <v>84</v>
      </c>
      <c r="E126" s="1" t="s">
        <v>660</v>
      </c>
      <c r="F126" s="1" t="s">
        <v>361</v>
      </c>
      <c r="G126" s="1" t="s">
        <v>334</v>
      </c>
      <c r="H126" s="1" t="s">
        <v>648</v>
      </c>
      <c r="I126" s="1" t="s">
        <v>24</v>
      </c>
      <c r="J126" s="1" t="s">
        <v>25</v>
      </c>
      <c r="K126" s="1" t="s">
        <v>25</v>
      </c>
      <c r="L126" s="1" t="s">
        <v>24</v>
      </c>
      <c r="M126" s="1" t="s">
        <v>24</v>
      </c>
      <c r="N126" s="1" t="s">
        <v>24</v>
      </c>
      <c r="O126" s="1">
        <v>35.227727799999997</v>
      </c>
      <c r="P126" s="1">
        <v>132.52002949999999</v>
      </c>
    </row>
    <row r="127" spans="1:16" ht="20.100000000000001" customHeight="1" x14ac:dyDescent="0.4">
      <c r="A127" s="1" t="s">
        <v>661</v>
      </c>
      <c r="B127" s="1" t="s">
        <v>662</v>
      </c>
      <c r="C127" s="1" t="s">
        <v>663</v>
      </c>
      <c r="D127" s="1" t="s">
        <v>53</v>
      </c>
      <c r="E127" s="1" t="s">
        <v>664</v>
      </c>
      <c r="F127" s="1" t="s">
        <v>211</v>
      </c>
      <c r="G127" s="1" t="s">
        <v>665</v>
      </c>
      <c r="H127" s="1"/>
      <c r="I127" s="1" t="s">
        <v>24</v>
      </c>
      <c r="J127" s="1" t="s">
        <v>24</v>
      </c>
      <c r="K127" s="1" t="s">
        <v>25</v>
      </c>
      <c r="L127" s="1" t="s">
        <v>24</v>
      </c>
      <c r="M127" s="1" t="s">
        <v>24</v>
      </c>
      <c r="N127" s="1" t="s">
        <v>24</v>
      </c>
      <c r="O127" s="1">
        <v>35.4336141</v>
      </c>
      <c r="P127" s="1">
        <v>133.21606729999999</v>
      </c>
    </row>
    <row r="128" spans="1:16" ht="20.100000000000001" customHeight="1" x14ac:dyDescent="0.4">
      <c r="A128" s="1" t="s">
        <v>666</v>
      </c>
      <c r="B128" s="1" t="s">
        <v>667</v>
      </c>
      <c r="C128" s="1" t="s">
        <v>668</v>
      </c>
      <c r="D128" s="1" t="s">
        <v>53</v>
      </c>
      <c r="E128" s="1" t="s">
        <v>669</v>
      </c>
      <c r="F128" s="1" t="s">
        <v>211</v>
      </c>
      <c r="G128" s="1" t="s">
        <v>156</v>
      </c>
      <c r="H128" s="1" t="s">
        <v>670</v>
      </c>
      <c r="I128" s="1" t="s">
        <v>25</v>
      </c>
      <c r="J128" s="1" t="s">
        <v>24</v>
      </c>
      <c r="K128" s="1" t="s">
        <v>25</v>
      </c>
      <c r="L128" s="1" t="s">
        <v>25</v>
      </c>
      <c r="M128" s="1" t="s">
        <v>24</v>
      </c>
      <c r="N128" s="1" t="s">
        <v>24</v>
      </c>
      <c r="O128" s="1">
        <v>35.410248600000003</v>
      </c>
      <c r="P128" s="1">
        <v>133.3186106</v>
      </c>
    </row>
    <row r="129" spans="1:16" ht="20.100000000000001" customHeight="1" x14ac:dyDescent="0.4">
      <c r="A129" s="1" t="s">
        <v>671</v>
      </c>
      <c r="B129" s="1" t="s">
        <v>58</v>
      </c>
      <c r="C129" s="1" t="s">
        <v>672</v>
      </c>
      <c r="D129" s="1" t="s">
        <v>53</v>
      </c>
      <c r="E129" s="1" t="s">
        <v>673</v>
      </c>
      <c r="F129" s="1" t="s">
        <v>674</v>
      </c>
      <c r="G129" s="1" t="s">
        <v>675</v>
      </c>
      <c r="H129" s="1" t="s">
        <v>676</v>
      </c>
      <c r="I129" s="1" t="s">
        <v>24</v>
      </c>
      <c r="J129" s="1" t="s">
        <v>25</v>
      </c>
      <c r="K129" s="1" t="s">
        <v>24</v>
      </c>
      <c r="L129" s="1" t="s">
        <v>25</v>
      </c>
      <c r="M129" s="1" t="s">
        <v>24</v>
      </c>
      <c r="N129" s="1" t="s">
        <v>24</v>
      </c>
      <c r="O129" s="1">
        <v>35.432677900000002</v>
      </c>
      <c r="P129" s="1">
        <v>133.0699802</v>
      </c>
    </row>
    <row r="130" spans="1:16" ht="20.100000000000001" customHeight="1" x14ac:dyDescent="0.4">
      <c r="A130" s="1" t="s">
        <v>677</v>
      </c>
      <c r="B130" s="1" t="s">
        <v>678</v>
      </c>
      <c r="C130" s="1" t="s">
        <v>679</v>
      </c>
      <c r="D130" s="1" t="s">
        <v>53</v>
      </c>
      <c r="E130" s="1" t="s">
        <v>680</v>
      </c>
      <c r="F130" s="1" t="s">
        <v>21</v>
      </c>
      <c r="G130" s="1" t="s">
        <v>31</v>
      </c>
      <c r="H130" s="1" t="s">
        <v>681</v>
      </c>
      <c r="I130" s="1" t="s">
        <v>25</v>
      </c>
      <c r="J130" s="1" t="s">
        <v>24</v>
      </c>
      <c r="K130" s="1" t="s">
        <v>25</v>
      </c>
      <c r="L130" s="1" t="s">
        <v>25</v>
      </c>
      <c r="M130" s="1" t="s">
        <v>24</v>
      </c>
      <c r="N130" s="1" t="s">
        <v>24</v>
      </c>
      <c r="O130" s="1">
        <v>35.4388717</v>
      </c>
      <c r="P130" s="1">
        <v>133.08616219999999</v>
      </c>
    </row>
    <row r="131" spans="1:16" ht="20.100000000000001" customHeight="1" x14ac:dyDescent="0.4">
      <c r="A131" s="1" t="s">
        <v>682</v>
      </c>
      <c r="B131" s="1" t="s">
        <v>683</v>
      </c>
      <c r="C131" s="1" t="s">
        <v>684</v>
      </c>
      <c r="D131" s="1" t="s">
        <v>53</v>
      </c>
      <c r="E131" s="1" t="s">
        <v>685</v>
      </c>
      <c r="F131" s="1" t="s">
        <v>21</v>
      </c>
      <c r="G131" s="1" t="s">
        <v>686</v>
      </c>
      <c r="H131" s="1" t="s">
        <v>681</v>
      </c>
      <c r="I131" s="1" t="s">
        <v>24</v>
      </c>
      <c r="J131" s="1" t="s">
        <v>24</v>
      </c>
      <c r="K131" s="1" t="s">
        <v>25</v>
      </c>
      <c r="L131" s="1" t="s">
        <v>25</v>
      </c>
      <c r="M131" s="1" t="s">
        <v>24</v>
      </c>
      <c r="N131" s="1" t="s">
        <v>24</v>
      </c>
      <c r="O131" s="1">
        <v>35.444912500000001</v>
      </c>
      <c r="P131" s="1">
        <v>133.05782490000001</v>
      </c>
    </row>
    <row r="132" spans="1:16" ht="20.100000000000001" customHeight="1" x14ac:dyDescent="0.4">
      <c r="A132" s="1" t="s">
        <v>687</v>
      </c>
      <c r="B132" s="1" t="s">
        <v>640</v>
      </c>
      <c r="C132" s="1" t="s">
        <v>688</v>
      </c>
      <c r="D132" s="1" t="s">
        <v>19</v>
      </c>
      <c r="E132" s="1" t="s">
        <v>689</v>
      </c>
      <c r="F132" s="1" t="s">
        <v>21</v>
      </c>
      <c r="G132" s="1" t="s">
        <v>690</v>
      </c>
      <c r="H132" s="1" t="s">
        <v>681</v>
      </c>
      <c r="I132" s="1" t="s">
        <v>24</v>
      </c>
      <c r="J132" s="1" t="s">
        <v>24</v>
      </c>
      <c r="K132" s="1" t="s">
        <v>25</v>
      </c>
      <c r="L132" s="1" t="s">
        <v>25</v>
      </c>
      <c r="M132" s="1" t="s">
        <v>24</v>
      </c>
      <c r="N132" s="1" t="s">
        <v>24</v>
      </c>
      <c r="O132" s="1">
        <v>35.357236200000003</v>
      </c>
      <c r="P132" s="1">
        <v>132.75265419999999</v>
      </c>
    </row>
    <row r="133" spans="1:16" ht="20.100000000000001" customHeight="1" x14ac:dyDescent="0.4">
      <c r="A133" s="1" t="s">
        <v>691</v>
      </c>
      <c r="B133" s="1" t="s">
        <v>692</v>
      </c>
      <c r="C133" s="1" t="s">
        <v>693</v>
      </c>
      <c r="D133" s="1" t="s">
        <v>47</v>
      </c>
      <c r="E133" s="1" t="s">
        <v>694</v>
      </c>
      <c r="F133" s="1" t="s">
        <v>21</v>
      </c>
      <c r="G133" s="1" t="s">
        <v>253</v>
      </c>
      <c r="H133" s="1"/>
      <c r="I133" s="1" t="s">
        <v>25</v>
      </c>
      <c r="J133" s="1" t="s">
        <v>24</v>
      </c>
      <c r="K133" s="1" t="s">
        <v>25</v>
      </c>
      <c r="L133" s="1" t="s">
        <v>25</v>
      </c>
      <c r="M133" s="1" t="s">
        <v>24</v>
      </c>
      <c r="N133" s="1" t="s">
        <v>24</v>
      </c>
      <c r="O133" s="1">
        <v>35.312644499999998</v>
      </c>
      <c r="P133" s="1">
        <v>132.9077929</v>
      </c>
    </row>
    <row r="134" spans="1:16" ht="20.100000000000001" customHeight="1" x14ac:dyDescent="0.4">
      <c r="A134" s="1" t="s">
        <v>695</v>
      </c>
      <c r="B134" s="1" t="s">
        <v>696</v>
      </c>
      <c r="C134" s="1" t="s">
        <v>697</v>
      </c>
      <c r="D134" s="1" t="s">
        <v>19</v>
      </c>
      <c r="E134" s="1" t="s">
        <v>698</v>
      </c>
      <c r="F134" s="1" t="s">
        <v>699</v>
      </c>
      <c r="G134" s="1" t="s">
        <v>31</v>
      </c>
      <c r="H134" s="1"/>
      <c r="I134" s="1" t="s">
        <v>24</v>
      </c>
      <c r="J134" s="1" t="s">
        <v>24</v>
      </c>
      <c r="K134" s="1" t="s">
        <v>25</v>
      </c>
      <c r="L134" s="1" t="s">
        <v>25</v>
      </c>
      <c r="M134" s="1" t="s">
        <v>24</v>
      </c>
      <c r="N134" s="1" t="s">
        <v>24</v>
      </c>
      <c r="O134" s="1">
        <v>35.3628383</v>
      </c>
      <c r="P134" s="1">
        <v>132.7538595</v>
      </c>
    </row>
    <row r="135" spans="1:16" ht="20.100000000000001" customHeight="1" x14ac:dyDescent="0.4">
      <c r="A135" s="1" t="s">
        <v>700</v>
      </c>
      <c r="B135" s="1" t="s">
        <v>696</v>
      </c>
      <c r="C135" s="1" t="s">
        <v>701</v>
      </c>
      <c r="D135" s="1" t="s">
        <v>19</v>
      </c>
      <c r="E135" s="1" t="s">
        <v>702</v>
      </c>
      <c r="F135" s="1" t="s">
        <v>429</v>
      </c>
      <c r="G135" s="1" t="s">
        <v>106</v>
      </c>
      <c r="H135" s="1"/>
      <c r="I135" s="1" t="s">
        <v>24</v>
      </c>
      <c r="J135" s="1" t="s">
        <v>24</v>
      </c>
      <c r="K135" s="1" t="s">
        <v>24</v>
      </c>
      <c r="L135" s="1" t="s">
        <v>25</v>
      </c>
      <c r="M135" s="1" t="s">
        <v>24</v>
      </c>
      <c r="N135" s="1" t="s">
        <v>24</v>
      </c>
      <c r="O135" s="1">
        <v>35.368887600000001</v>
      </c>
      <c r="P135" s="1">
        <v>132.75381759999999</v>
      </c>
    </row>
    <row r="136" spans="1:16" ht="20.100000000000001" customHeight="1" x14ac:dyDescent="0.4">
      <c r="A136" s="1" t="s">
        <v>703</v>
      </c>
      <c r="B136" s="1" t="s">
        <v>704</v>
      </c>
      <c r="C136" s="1" t="s">
        <v>705</v>
      </c>
      <c r="D136" s="1" t="s">
        <v>19</v>
      </c>
      <c r="E136" s="1" t="s">
        <v>706</v>
      </c>
      <c r="F136" s="1" t="s">
        <v>429</v>
      </c>
      <c r="G136" s="1" t="s">
        <v>218</v>
      </c>
      <c r="H136" s="1"/>
      <c r="I136" s="1" t="s">
        <v>25</v>
      </c>
      <c r="J136" s="1" t="s">
        <v>24</v>
      </c>
      <c r="K136" s="1" t="s">
        <v>25</v>
      </c>
      <c r="L136" s="1" t="s">
        <v>25</v>
      </c>
      <c r="M136" s="1" t="s">
        <v>24</v>
      </c>
      <c r="N136" s="1" t="s">
        <v>24</v>
      </c>
      <c r="O136" s="1">
        <v>35.254584899999998</v>
      </c>
      <c r="P136" s="1">
        <v>132.71473040000001</v>
      </c>
    </row>
    <row r="137" spans="1:16" ht="20.100000000000001" customHeight="1" x14ac:dyDescent="0.4">
      <c r="A137" s="1" t="s">
        <v>707</v>
      </c>
      <c r="B137" s="1" t="s">
        <v>640</v>
      </c>
      <c r="C137" s="1" t="s">
        <v>708</v>
      </c>
      <c r="D137" s="1" t="s">
        <v>19</v>
      </c>
      <c r="E137" s="1" t="s">
        <v>709</v>
      </c>
      <c r="F137" s="1" t="s">
        <v>429</v>
      </c>
      <c r="G137" s="1" t="s">
        <v>710</v>
      </c>
      <c r="H137" s="1"/>
      <c r="I137" s="1" t="s">
        <v>24</v>
      </c>
      <c r="J137" s="1" t="s">
        <v>24</v>
      </c>
      <c r="K137" s="1" t="s">
        <v>25</v>
      </c>
      <c r="L137" s="1" t="s">
        <v>25</v>
      </c>
      <c r="M137" s="1" t="s">
        <v>24</v>
      </c>
      <c r="N137" s="1" t="s">
        <v>24</v>
      </c>
      <c r="O137" s="1">
        <v>35.355119899999998</v>
      </c>
      <c r="P137" s="1">
        <v>132.75740099999999</v>
      </c>
    </row>
    <row r="138" spans="1:16" ht="20.100000000000001" customHeight="1" x14ac:dyDescent="0.4">
      <c r="A138" s="1" t="s">
        <v>711</v>
      </c>
      <c r="B138" s="1" t="s">
        <v>712</v>
      </c>
      <c r="C138" s="1" t="s">
        <v>713</v>
      </c>
      <c r="D138" s="1" t="s">
        <v>53</v>
      </c>
      <c r="E138" s="1" t="s">
        <v>714</v>
      </c>
      <c r="F138" s="1" t="s">
        <v>715</v>
      </c>
      <c r="G138" s="1" t="s">
        <v>716</v>
      </c>
      <c r="H138" s="1"/>
      <c r="I138" s="1" t="s">
        <v>24</v>
      </c>
      <c r="J138" s="1" t="s">
        <v>24</v>
      </c>
      <c r="K138" s="1" t="s">
        <v>25</v>
      </c>
      <c r="L138" s="1" t="s">
        <v>25</v>
      </c>
      <c r="M138" s="1" t="s">
        <v>24</v>
      </c>
      <c r="N138" s="1" t="s">
        <v>24</v>
      </c>
      <c r="O138" s="1">
        <v>35.407432999999997</v>
      </c>
      <c r="P138" s="1">
        <v>132.9081655</v>
      </c>
    </row>
    <row r="139" spans="1:16" ht="20.100000000000001" customHeight="1" x14ac:dyDescent="0.4">
      <c r="A139" s="1" t="s">
        <v>717</v>
      </c>
      <c r="B139" s="1" t="s">
        <v>410</v>
      </c>
      <c r="C139" s="1" t="s">
        <v>718</v>
      </c>
      <c r="D139" s="1" t="s">
        <v>19</v>
      </c>
      <c r="E139" s="1" t="s">
        <v>719</v>
      </c>
      <c r="F139" s="1" t="s">
        <v>699</v>
      </c>
      <c r="G139" s="1" t="s">
        <v>62</v>
      </c>
      <c r="H139" s="1" t="s">
        <v>720</v>
      </c>
      <c r="I139" s="1" t="s">
        <v>24</v>
      </c>
      <c r="J139" s="1" t="s">
        <v>24</v>
      </c>
      <c r="K139" s="1" t="s">
        <v>25</v>
      </c>
      <c r="L139" s="1" t="s">
        <v>25</v>
      </c>
      <c r="M139" s="1" t="s">
        <v>24</v>
      </c>
      <c r="N139" s="1" t="s">
        <v>24</v>
      </c>
      <c r="O139" s="1">
        <v>35.369334799999997</v>
      </c>
      <c r="P139" s="1">
        <v>132.7552647</v>
      </c>
    </row>
    <row r="140" spans="1:16" ht="20.100000000000001" customHeight="1" x14ac:dyDescent="0.4">
      <c r="A140" s="1" t="s">
        <v>721</v>
      </c>
      <c r="B140" s="1" t="s">
        <v>696</v>
      </c>
      <c r="C140" s="1" t="s">
        <v>722</v>
      </c>
      <c r="D140" s="1" t="s">
        <v>19</v>
      </c>
      <c r="E140" s="1" t="s">
        <v>723</v>
      </c>
      <c r="F140" s="1" t="s">
        <v>282</v>
      </c>
      <c r="G140" s="1" t="s">
        <v>402</v>
      </c>
      <c r="H140" s="1" t="s">
        <v>720</v>
      </c>
      <c r="I140" s="1" t="s">
        <v>25</v>
      </c>
      <c r="J140" s="1" t="s">
        <v>24</v>
      </c>
      <c r="K140" s="1" t="s">
        <v>25</v>
      </c>
      <c r="L140" s="1" t="s">
        <v>25</v>
      </c>
      <c r="M140" s="1" t="s">
        <v>24</v>
      </c>
      <c r="N140" s="1" t="s">
        <v>24</v>
      </c>
      <c r="O140" s="1">
        <v>35.36318</v>
      </c>
      <c r="P140" s="1">
        <v>132.75659529999999</v>
      </c>
    </row>
    <row r="141" spans="1:16" ht="20.100000000000001" customHeight="1" x14ac:dyDescent="0.4">
      <c r="A141" s="1" t="s">
        <v>724</v>
      </c>
      <c r="B141" s="1" t="s">
        <v>237</v>
      </c>
      <c r="C141" s="1" t="s">
        <v>725</v>
      </c>
      <c r="D141" s="1" t="s">
        <v>19</v>
      </c>
      <c r="E141" s="1" t="s">
        <v>726</v>
      </c>
      <c r="F141" s="1" t="s">
        <v>727</v>
      </c>
      <c r="G141" s="1" t="s">
        <v>728</v>
      </c>
      <c r="H141" s="1" t="s">
        <v>720</v>
      </c>
      <c r="I141" s="1" t="s">
        <v>25</v>
      </c>
      <c r="J141" s="1" t="s">
        <v>24</v>
      </c>
      <c r="K141" s="1" t="s">
        <v>25</v>
      </c>
      <c r="L141" s="1" t="s">
        <v>25</v>
      </c>
      <c r="M141" s="1" t="s">
        <v>24</v>
      </c>
      <c r="N141" s="1" t="s">
        <v>24</v>
      </c>
      <c r="O141" s="1">
        <v>35.397246600000003</v>
      </c>
      <c r="P141" s="1">
        <v>132.8598729</v>
      </c>
    </row>
    <row r="142" spans="1:16" ht="20.100000000000001" customHeight="1" x14ac:dyDescent="0.4">
      <c r="A142" s="1" t="s">
        <v>729</v>
      </c>
      <c r="B142" s="1" t="s">
        <v>297</v>
      </c>
      <c r="C142" s="1" t="s">
        <v>730</v>
      </c>
      <c r="D142" s="1" t="s">
        <v>19</v>
      </c>
      <c r="E142" s="1" t="s">
        <v>731</v>
      </c>
      <c r="F142" s="1" t="s">
        <v>732</v>
      </c>
      <c r="G142" s="1" t="s">
        <v>728</v>
      </c>
      <c r="H142" s="1" t="s">
        <v>720</v>
      </c>
      <c r="I142" s="1" t="s">
        <v>25</v>
      </c>
      <c r="J142" s="1" t="s">
        <v>24</v>
      </c>
      <c r="K142" s="1" t="s">
        <v>25</v>
      </c>
      <c r="L142" s="1" t="s">
        <v>25</v>
      </c>
      <c r="M142" s="1" t="s">
        <v>24</v>
      </c>
      <c r="N142" s="1" t="s">
        <v>24</v>
      </c>
      <c r="O142" s="1">
        <v>35.372497799999998</v>
      </c>
      <c r="P142" s="1">
        <v>132.73652730000001</v>
      </c>
    </row>
    <row r="143" spans="1:16" ht="20.100000000000001" customHeight="1" x14ac:dyDescent="0.4">
      <c r="A143" s="1" t="s">
        <v>733</v>
      </c>
      <c r="B143" s="1" t="s">
        <v>734</v>
      </c>
      <c r="C143" s="1" t="s">
        <v>735</v>
      </c>
      <c r="D143" s="1" t="s">
        <v>19</v>
      </c>
      <c r="E143" s="1" t="s">
        <v>736</v>
      </c>
      <c r="F143" s="1" t="s">
        <v>732</v>
      </c>
      <c r="G143" s="1" t="s">
        <v>728</v>
      </c>
      <c r="H143" s="1" t="s">
        <v>720</v>
      </c>
      <c r="I143" s="1" t="s">
        <v>25</v>
      </c>
      <c r="J143" s="1" t="s">
        <v>24</v>
      </c>
      <c r="K143" s="1" t="s">
        <v>25</v>
      </c>
      <c r="L143" s="1" t="s">
        <v>25</v>
      </c>
      <c r="M143" s="1" t="s">
        <v>24</v>
      </c>
      <c r="N143" s="1" t="s">
        <v>24</v>
      </c>
      <c r="O143" s="1">
        <v>35.334038</v>
      </c>
      <c r="P143" s="1">
        <v>132.719583</v>
      </c>
    </row>
    <row r="144" spans="1:16" ht="20.100000000000001" customHeight="1" x14ac:dyDescent="0.4">
      <c r="A144" s="1" t="s">
        <v>737</v>
      </c>
      <c r="B144" s="1" t="s">
        <v>267</v>
      </c>
      <c r="C144" s="1" t="s">
        <v>738</v>
      </c>
      <c r="D144" s="1" t="s">
        <v>53</v>
      </c>
      <c r="E144" s="1" t="s">
        <v>739</v>
      </c>
      <c r="F144" s="1" t="s">
        <v>175</v>
      </c>
      <c r="G144" s="1" t="s">
        <v>740</v>
      </c>
      <c r="H144" s="1"/>
      <c r="I144" s="1" t="s">
        <v>25</v>
      </c>
      <c r="J144" s="1" t="s">
        <v>24</v>
      </c>
      <c r="K144" s="1" t="s">
        <v>25</v>
      </c>
      <c r="L144" s="1" t="s">
        <v>25</v>
      </c>
      <c r="M144" s="1" t="s">
        <v>24</v>
      </c>
      <c r="N144" s="1" t="s">
        <v>24</v>
      </c>
      <c r="O144" s="1">
        <v>35.437904799999998</v>
      </c>
      <c r="P144" s="1">
        <v>133.04868719999999</v>
      </c>
    </row>
    <row r="145" spans="1:16" ht="20.100000000000001" customHeight="1" x14ac:dyDescent="0.4">
      <c r="A145" s="1" t="s">
        <v>741</v>
      </c>
      <c r="B145" s="1" t="s">
        <v>311</v>
      </c>
      <c r="C145" s="1" t="s">
        <v>742</v>
      </c>
      <c r="D145" s="1" t="s">
        <v>53</v>
      </c>
      <c r="E145" s="1" t="s">
        <v>743</v>
      </c>
      <c r="F145" s="1" t="s">
        <v>21</v>
      </c>
      <c r="G145" s="1" t="s">
        <v>80</v>
      </c>
      <c r="H145" s="1"/>
      <c r="I145" s="1" t="s">
        <v>25</v>
      </c>
      <c r="J145" s="1" t="s">
        <v>24</v>
      </c>
      <c r="K145" s="1" t="s">
        <v>25</v>
      </c>
      <c r="L145" s="1" t="s">
        <v>25</v>
      </c>
      <c r="M145" s="1" t="s">
        <v>24</v>
      </c>
      <c r="N145" s="1" t="s">
        <v>24</v>
      </c>
      <c r="O145" s="1">
        <v>35.481675199999998</v>
      </c>
      <c r="P145" s="1">
        <v>133.06913929999999</v>
      </c>
    </row>
    <row r="146" spans="1:16" ht="20.100000000000001" customHeight="1" x14ac:dyDescent="0.4">
      <c r="A146" s="1" t="s">
        <v>744</v>
      </c>
      <c r="B146" s="1" t="s">
        <v>421</v>
      </c>
      <c r="C146" s="1" t="s">
        <v>745</v>
      </c>
      <c r="D146" s="1" t="s">
        <v>84</v>
      </c>
      <c r="E146" s="1" t="s">
        <v>746</v>
      </c>
      <c r="F146" s="1" t="s">
        <v>21</v>
      </c>
      <c r="G146" s="1" t="s">
        <v>80</v>
      </c>
      <c r="H146" s="1"/>
      <c r="I146" s="1" t="s">
        <v>25</v>
      </c>
      <c r="J146" s="1" t="s">
        <v>24</v>
      </c>
      <c r="K146" s="1" t="s">
        <v>25</v>
      </c>
      <c r="L146" s="1" t="s">
        <v>25</v>
      </c>
      <c r="M146" s="1" t="s">
        <v>24</v>
      </c>
      <c r="N146" s="1" t="s">
        <v>24</v>
      </c>
      <c r="O146" s="1">
        <v>35.199216399999997</v>
      </c>
      <c r="P146" s="1">
        <v>132.49053290000001</v>
      </c>
    </row>
    <row r="147" spans="1:16" ht="20.100000000000001" customHeight="1" x14ac:dyDescent="0.4">
      <c r="A147" s="1" t="s">
        <v>747</v>
      </c>
      <c r="B147" s="1" t="s">
        <v>748</v>
      </c>
      <c r="C147" s="1" t="s">
        <v>749</v>
      </c>
      <c r="D147" s="1" t="s">
        <v>29</v>
      </c>
      <c r="E147" s="1" t="s">
        <v>750</v>
      </c>
      <c r="F147" s="1" t="s">
        <v>21</v>
      </c>
      <c r="G147" s="1" t="s">
        <v>80</v>
      </c>
      <c r="H147" s="1"/>
      <c r="I147" s="1" t="s">
        <v>25</v>
      </c>
      <c r="J147" s="1" t="s">
        <v>24</v>
      </c>
      <c r="K147" s="1" t="s">
        <v>25</v>
      </c>
      <c r="L147" s="1" t="s">
        <v>25</v>
      </c>
      <c r="M147" s="1" t="s">
        <v>24</v>
      </c>
      <c r="N147" s="1" t="s">
        <v>24</v>
      </c>
      <c r="O147" s="1">
        <v>35.009813729999998</v>
      </c>
      <c r="P147" s="1">
        <v>132.2190411</v>
      </c>
    </row>
    <row r="148" spans="1:16" ht="20.100000000000001" customHeight="1" x14ac:dyDescent="0.4">
      <c r="A148" s="1" t="s">
        <v>751</v>
      </c>
      <c r="B148" s="1" t="s">
        <v>77</v>
      </c>
      <c r="C148" s="1" t="s">
        <v>752</v>
      </c>
      <c r="D148" s="1" t="s">
        <v>19</v>
      </c>
      <c r="E148" s="1" t="s">
        <v>753</v>
      </c>
      <c r="F148" s="1" t="s">
        <v>21</v>
      </c>
      <c r="G148" s="1" t="s">
        <v>80</v>
      </c>
      <c r="H148" s="1"/>
      <c r="I148" s="1" t="s">
        <v>25</v>
      </c>
      <c r="J148" s="1" t="s">
        <v>24</v>
      </c>
      <c r="K148" s="1" t="s">
        <v>25</v>
      </c>
      <c r="L148" s="1" t="s">
        <v>24</v>
      </c>
      <c r="M148" s="1" t="s">
        <v>24</v>
      </c>
      <c r="N148" s="1" t="s">
        <v>24</v>
      </c>
      <c r="O148" s="1">
        <v>35.3730811</v>
      </c>
      <c r="P148" s="1">
        <v>132.73895210000001</v>
      </c>
    </row>
    <row r="149" spans="1:16" ht="20.100000000000001" customHeight="1" x14ac:dyDescent="0.4">
      <c r="A149" s="1" t="s">
        <v>754</v>
      </c>
      <c r="B149" s="1" t="s">
        <v>311</v>
      </c>
      <c r="C149" s="1" t="s">
        <v>755</v>
      </c>
      <c r="D149" s="1" t="s">
        <v>53</v>
      </c>
      <c r="E149" s="1" t="s">
        <v>756</v>
      </c>
      <c r="F149" s="1" t="s">
        <v>757</v>
      </c>
      <c r="G149" s="1" t="s">
        <v>758</v>
      </c>
      <c r="H149" s="1" t="s">
        <v>759</v>
      </c>
      <c r="I149" s="1" t="s">
        <v>25</v>
      </c>
      <c r="J149" s="1" t="s">
        <v>25</v>
      </c>
      <c r="K149" s="1" t="s">
        <v>24</v>
      </c>
      <c r="L149" s="1" t="s">
        <v>25</v>
      </c>
      <c r="M149" s="1" t="s">
        <v>24</v>
      </c>
      <c r="N149" s="1" t="s">
        <v>24</v>
      </c>
      <c r="O149" s="1">
        <v>35.479022700000002</v>
      </c>
      <c r="P149" s="1">
        <v>133.0675062</v>
      </c>
    </row>
    <row r="150" spans="1:16" ht="20.100000000000001" customHeight="1" x14ac:dyDescent="0.4">
      <c r="A150" s="1" t="s">
        <v>760</v>
      </c>
      <c r="B150" s="1" t="s">
        <v>172</v>
      </c>
      <c r="C150" s="1" t="s">
        <v>761</v>
      </c>
      <c r="D150" s="1" t="s">
        <v>53</v>
      </c>
      <c r="E150" s="1" t="s">
        <v>762</v>
      </c>
      <c r="F150" s="1" t="s">
        <v>99</v>
      </c>
      <c r="G150" s="1" t="s">
        <v>763</v>
      </c>
      <c r="H150" s="1" t="s">
        <v>764</v>
      </c>
      <c r="I150" s="1" t="s">
        <v>24</v>
      </c>
      <c r="J150" s="1" t="s">
        <v>24</v>
      </c>
      <c r="K150" s="1" t="s">
        <v>25</v>
      </c>
      <c r="L150" s="1" t="s">
        <v>25</v>
      </c>
      <c r="M150" s="1" t="s">
        <v>24</v>
      </c>
      <c r="N150" s="1" t="s">
        <v>24</v>
      </c>
      <c r="O150" s="1">
        <v>35.456772399999998</v>
      </c>
      <c r="P150" s="1">
        <v>133.06733209999999</v>
      </c>
    </row>
    <row r="151" spans="1:16" ht="20.100000000000001" customHeight="1" x14ac:dyDescent="0.4">
      <c r="A151" s="1" t="s">
        <v>765</v>
      </c>
      <c r="B151" s="1" t="s">
        <v>414</v>
      </c>
      <c r="C151" s="1" t="s">
        <v>766</v>
      </c>
      <c r="D151" s="1" t="s">
        <v>19</v>
      </c>
      <c r="E151" s="1" t="s">
        <v>767</v>
      </c>
      <c r="F151" s="1" t="s">
        <v>99</v>
      </c>
      <c r="G151" s="1" t="s">
        <v>768</v>
      </c>
      <c r="H151" s="1" t="s">
        <v>769</v>
      </c>
      <c r="I151" s="1" t="s">
        <v>25</v>
      </c>
      <c r="J151" s="1" t="s">
        <v>24</v>
      </c>
      <c r="K151" s="1" t="s">
        <v>25</v>
      </c>
      <c r="L151" s="1" t="s">
        <v>25</v>
      </c>
      <c r="M151" s="1" t="s">
        <v>24</v>
      </c>
      <c r="N151" s="1" t="s">
        <v>24</v>
      </c>
      <c r="O151" s="1">
        <v>35.385591099999999</v>
      </c>
      <c r="P151" s="1">
        <v>132.74781160000001</v>
      </c>
    </row>
    <row r="152" spans="1:16" ht="20.100000000000001" customHeight="1" x14ac:dyDescent="0.4">
      <c r="A152" s="1" t="s">
        <v>770</v>
      </c>
      <c r="B152" s="1" t="s">
        <v>771</v>
      </c>
      <c r="C152" s="1" t="s">
        <v>772</v>
      </c>
      <c r="D152" s="1" t="s">
        <v>47</v>
      </c>
      <c r="E152" s="1" t="s">
        <v>773</v>
      </c>
      <c r="F152" s="1" t="s">
        <v>282</v>
      </c>
      <c r="G152" s="1" t="s">
        <v>774</v>
      </c>
      <c r="H152" s="1"/>
      <c r="I152" s="1" t="s">
        <v>25</v>
      </c>
      <c r="J152" s="1" t="s">
        <v>24</v>
      </c>
      <c r="K152" s="1" t="s">
        <v>25</v>
      </c>
      <c r="L152" s="1" t="s">
        <v>25</v>
      </c>
      <c r="M152" s="1" t="s">
        <v>24</v>
      </c>
      <c r="N152" s="1" t="s">
        <v>24</v>
      </c>
      <c r="O152" s="1">
        <v>35.325152699999997</v>
      </c>
      <c r="P152" s="1">
        <v>132.96493939999999</v>
      </c>
    </row>
    <row r="153" spans="1:16" ht="20.100000000000001" customHeight="1" x14ac:dyDescent="0.4">
      <c r="A153" s="1" t="s">
        <v>775</v>
      </c>
      <c r="B153" s="1" t="s">
        <v>405</v>
      </c>
      <c r="C153" s="1" t="s">
        <v>776</v>
      </c>
      <c r="D153" s="1" t="s">
        <v>53</v>
      </c>
      <c r="E153" s="1" t="s">
        <v>777</v>
      </c>
      <c r="F153" s="1" t="s">
        <v>21</v>
      </c>
      <c r="G153" s="1" t="s">
        <v>778</v>
      </c>
      <c r="H153" s="1"/>
      <c r="I153" s="1" t="s">
        <v>25</v>
      </c>
      <c r="J153" s="1" t="s">
        <v>24</v>
      </c>
      <c r="K153" s="1" t="s">
        <v>25</v>
      </c>
      <c r="L153" s="1" t="s">
        <v>25</v>
      </c>
      <c r="M153" s="1" t="s">
        <v>24</v>
      </c>
      <c r="N153" s="1" t="s">
        <v>24</v>
      </c>
      <c r="O153" s="1">
        <v>35.442810000000001</v>
      </c>
      <c r="P153" s="1">
        <v>133.06274690000001</v>
      </c>
    </row>
    <row r="154" spans="1:16" ht="20.100000000000001" customHeight="1" x14ac:dyDescent="0.4">
      <c r="A154" s="1" t="s">
        <v>779</v>
      </c>
      <c r="B154" s="1" t="s">
        <v>297</v>
      </c>
      <c r="C154" s="1" t="s">
        <v>780</v>
      </c>
      <c r="D154" s="1" t="s">
        <v>19</v>
      </c>
      <c r="E154" s="1" t="s">
        <v>781</v>
      </c>
      <c r="F154" s="1" t="s">
        <v>181</v>
      </c>
      <c r="G154" s="1" t="s">
        <v>782</v>
      </c>
      <c r="H154" s="1" t="s">
        <v>783</v>
      </c>
      <c r="I154" s="1" t="s">
        <v>25</v>
      </c>
      <c r="J154" s="1" t="s">
        <v>24</v>
      </c>
      <c r="K154" s="1" t="s">
        <v>25</v>
      </c>
      <c r="L154" s="1" t="s">
        <v>25</v>
      </c>
      <c r="M154" s="1" t="s">
        <v>24</v>
      </c>
      <c r="N154" s="1" t="s">
        <v>24</v>
      </c>
      <c r="O154" s="1">
        <v>35.3690012</v>
      </c>
      <c r="P154" s="1">
        <v>132.74522669999999</v>
      </c>
    </row>
    <row r="155" spans="1:16" ht="20.100000000000001" customHeight="1" x14ac:dyDescent="0.4">
      <c r="A155" s="1" t="s">
        <v>784</v>
      </c>
      <c r="B155" s="1" t="s">
        <v>785</v>
      </c>
      <c r="C155" s="1" t="s">
        <v>786</v>
      </c>
      <c r="D155" s="1" t="s">
        <v>19</v>
      </c>
      <c r="E155" s="1" t="s">
        <v>787</v>
      </c>
      <c r="F155" s="1" t="s">
        <v>732</v>
      </c>
      <c r="G155" s="1" t="s">
        <v>728</v>
      </c>
      <c r="H155" s="1" t="s">
        <v>788</v>
      </c>
      <c r="I155" s="1" t="s">
        <v>25</v>
      </c>
      <c r="J155" s="1" t="s">
        <v>24</v>
      </c>
      <c r="K155" s="1" t="s">
        <v>25</v>
      </c>
      <c r="L155" s="1" t="s">
        <v>25</v>
      </c>
      <c r="M155" s="1" t="s">
        <v>24</v>
      </c>
      <c r="N155" s="1" t="s">
        <v>24</v>
      </c>
      <c r="O155" s="1">
        <v>35.372306700000003</v>
      </c>
      <c r="P155" s="1">
        <v>132.75638660000001</v>
      </c>
    </row>
    <row r="156" spans="1:16" ht="20.100000000000001" customHeight="1" x14ac:dyDescent="0.4">
      <c r="A156" s="1" t="s">
        <v>789</v>
      </c>
      <c r="B156" s="1" t="s">
        <v>696</v>
      </c>
      <c r="C156" s="1" t="s">
        <v>790</v>
      </c>
      <c r="D156" s="1" t="s">
        <v>19</v>
      </c>
      <c r="E156" s="1" t="s">
        <v>791</v>
      </c>
      <c r="F156" s="1" t="s">
        <v>732</v>
      </c>
      <c r="G156" s="1" t="s">
        <v>176</v>
      </c>
      <c r="H156" s="1"/>
      <c r="I156" s="1" t="s">
        <v>25</v>
      </c>
      <c r="J156" s="1" t="s">
        <v>24</v>
      </c>
      <c r="K156" s="1" t="s">
        <v>25</v>
      </c>
      <c r="L156" s="1" t="s">
        <v>25</v>
      </c>
      <c r="M156" s="1" t="s">
        <v>24</v>
      </c>
      <c r="N156" s="1" t="s">
        <v>24</v>
      </c>
      <c r="O156" s="1">
        <v>35.363841000000001</v>
      </c>
      <c r="P156" s="1">
        <v>132.7557315</v>
      </c>
    </row>
    <row r="157" spans="1:16" ht="20.100000000000001" customHeight="1" x14ac:dyDescent="0.4">
      <c r="A157" s="1" t="s">
        <v>792</v>
      </c>
      <c r="B157" s="1" t="s">
        <v>793</v>
      </c>
      <c r="C157" s="1" t="s">
        <v>794</v>
      </c>
      <c r="D157" s="1" t="s">
        <v>53</v>
      </c>
      <c r="E157" s="1" t="s">
        <v>795</v>
      </c>
      <c r="F157" s="1" t="s">
        <v>21</v>
      </c>
      <c r="G157" s="1" t="s">
        <v>796</v>
      </c>
      <c r="H157" s="1" t="s">
        <v>797</v>
      </c>
      <c r="I157" s="1" t="s">
        <v>24</v>
      </c>
      <c r="J157" s="1" t="s">
        <v>24</v>
      </c>
      <c r="K157" s="1" t="s">
        <v>25</v>
      </c>
      <c r="L157" s="1" t="s">
        <v>25</v>
      </c>
      <c r="M157" s="1" t="s">
        <v>24</v>
      </c>
      <c r="N157" s="1" t="s">
        <v>24</v>
      </c>
      <c r="O157" s="1">
        <v>35.437275999999997</v>
      </c>
      <c r="P157" s="1">
        <v>133.0126885</v>
      </c>
    </row>
    <row r="158" spans="1:16" ht="20.100000000000001" customHeight="1" x14ac:dyDescent="0.4">
      <c r="A158" s="1" t="s">
        <v>798</v>
      </c>
      <c r="B158" s="1" t="s">
        <v>799</v>
      </c>
      <c r="C158" s="1" t="s">
        <v>800</v>
      </c>
      <c r="D158" s="1" t="s">
        <v>53</v>
      </c>
      <c r="E158" s="1" t="s">
        <v>801</v>
      </c>
      <c r="F158" s="1" t="s">
        <v>21</v>
      </c>
      <c r="G158" s="1"/>
      <c r="H158" s="1"/>
      <c r="I158" s="1" t="s">
        <v>24</v>
      </c>
      <c r="J158" s="1" t="s">
        <v>24</v>
      </c>
      <c r="K158" s="1" t="s">
        <v>25</v>
      </c>
      <c r="L158" s="1" t="s">
        <v>25</v>
      </c>
      <c r="M158" s="1" t="s">
        <v>24</v>
      </c>
      <c r="N158" s="1" t="s">
        <v>24</v>
      </c>
      <c r="O158" s="1">
        <v>35.416900400000003</v>
      </c>
      <c r="P158" s="1">
        <v>133.0087087</v>
      </c>
    </row>
    <row r="159" spans="1:16" ht="20.100000000000001" customHeight="1" x14ac:dyDescent="0.4">
      <c r="A159" s="1" t="s">
        <v>802</v>
      </c>
      <c r="B159" s="1" t="s">
        <v>328</v>
      </c>
      <c r="C159" s="1" t="s">
        <v>803</v>
      </c>
      <c r="D159" s="1" t="s">
        <v>53</v>
      </c>
      <c r="E159" s="1" t="s">
        <v>804</v>
      </c>
      <c r="F159" s="1" t="s">
        <v>805</v>
      </c>
      <c r="G159" s="1" t="s">
        <v>806</v>
      </c>
      <c r="H159" s="1" t="s">
        <v>676</v>
      </c>
      <c r="I159" s="1" t="s">
        <v>24</v>
      </c>
      <c r="J159" s="1" t="s">
        <v>24</v>
      </c>
      <c r="K159" s="1" t="s">
        <v>24</v>
      </c>
      <c r="L159" s="1" t="s">
        <v>25</v>
      </c>
      <c r="M159" s="1" t="s">
        <v>24</v>
      </c>
      <c r="N159" s="1" t="s">
        <v>24</v>
      </c>
      <c r="O159" s="1">
        <v>35.492121699999998</v>
      </c>
      <c r="P159" s="1">
        <v>133.08667579999999</v>
      </c>
    </row>
    <row r="160" spans="1:16" ht="20.100000000000001" customHeight="1" x14ac:dyDescent="0.4">
      <c r="A160" s="1" t="s">
        <v>807</v>
      </c>
      <c r="B160" s="1" t="s">
        <v>808</v>
      </c>
      <c r="C160" s="1" t="s">
        <v>809</v>
      </c>
      <c r="D160" s="1" t="s">
        <v>19</v>
      </c>
      <c r="E160" s="1" t="s">
        <v>810</v>
      </c>
      <c r="F160" s="1" t="s">
        <v>732</v>
      </c>
      <c r="G160" s="1" t="s">
        <v>811</v>
      </c>
      <c r="H160" s="1"/>
      <c r="I160" s="1" t="s">
        <v>25</v>
      </c>
      <c r="J160" s="1" t="s">
        <v>24</v>
      </c>
      <c r="K160" s="1" t="s">
        <v>25</v>
      </c>
      <c r="L160" s="1" t="s">
        <v>25</v>
      </c>
      <c r="M160" s="1" t="s">
        <v>24</v>
      </c>
      <c r="N160" s="1" t="s">
        <v>24</v>
      </c>
      <c r="O160" s="1">
        <v>34.966000399999999</v>
      </c>
      <c r="P160" s="1">
        <v>132.47298960000001</v>
      </c>
    </row>
    <row r="161" spans="1:16" ht="20.100000000000001" customHeight="1" x14ac:dyDescent="0.4">
      <c r="A161" s="1" t="s">
        <v>812</v>
      </c>
      <c r="B161" s="1" t="s">
        <v>785</v>
      </c>
      <c r="C161" s="1" t="s">
        <v>813</v>
      </c>
      <c r="D161" s="1" t="s">
        <v>19</v>
      </c>
      <c r="E161" s="1" t="s">
        <v>814</v>
      </c>
      <c r="F161" s="1" t="s">
        <v>732</v>
      </c>
      <c r="G161" s="1" t="s">
        <v>728</v>
      </c>
      <c r="H161" s="1"/>
      <c r="I161" s="1" t="s">
        <v>25</v>
      </c>
      <c r="J161" s="1" t="s">
        <v>24</v>
      </c>
      <c r="K161" s="1" t="s">
        <v>25</v>
      </c>
      <c r="L161" s="1" t="s">
        <v>25</v>
      </c>
      <c r="M161" s="1" t="s">
        <v>24</v>
      </c>
      <c r="N161" s="1" t="s">
        <v>24</v>
      </c>
      <c r="O161" s="1">
        <v>35.372198300000001</v>
      </c>
      <c r="P161" s="1">
        <v>132.75386750000001</v>
      </c>
    </row>
    <row r="162" spans="1:16" ht="20.100000000000001" customHeight="1" x14ac:dyDescent="0.4">
      <c r="A162" s="1" t="s">
        <v>815</v>
      </c>
      <c r="B162" s="1" t="s">
        <v>651</v>
      </c>
      <c r="C162" s="1" t="s">
        <v>816</v>
      </c>
      <c r="D162" s="1" t="s">
        <v>47</v>
      </c>
      <c r="E162" s="1" t="s">
        <v>817</v>
      </c>
      <c r="F162" s="1" t="s">
        <v>732</v>
      </c>
      <c r="G162" s="1" t="s">
        <v>728</v>
      </c>
      <c r="H162" s="1"/>
      <c r="I162" s="1" t="s">
        <v>25</v>
      </c>
      <c r="J162" s="1" t="s">
        <v>24</v>
      </c>
      <c r="K162" s="1" t="s">
        <v>25</v>
      </c>
      <c r="L162" s="1" t="s">
        <v>25</v>
      </c>
      <c r="M162" s="1" t="s">
        <v>24</v>
      </c>
      <c r="N162" s="1" t="s">
        <v>24</v>
      </c>
      <c r="O162" s="1">
        <v>35.301782000000003</v>
      </c>
      <c r="P162" s="1">
        <v>132.89254489999999</v>
      </c>
    </row>
    <row r="163" spans="1:16" ht="20.100000000000001" customHeight="1" x14ac:dyDescent="0.4">
      <c r="A163" s="1" t="s">
        <v>818</v>
      </c>
      <c r="B163" s="1" t="s">
        <v>96</v>
      </c>
      <c r="C163" s="1" t="s">
        <v>819</v>
      </c>
      <c r="D163" s="1" t="s">
        <v>53</v>
      </c>
      <c r="E163" s="1" t="s">
        <v>820</v>
      </c>
      <c r="F163" s="1" t="s">
        <v>732</v>
      </c>
      <c r="G163" s="1" t="s">
        <v>728</v>
      </c>
      <c r="H163" s="1"/>
      <c r="I163" s="1" t="s">
        <v>25</v>
      </c>
      <c r="J163" s="1" t="s">
        <v>24</v>
      </c>
      <c r="K163" s="1" t="s">
        <v>25</v>
      </c>
      <c r="L163" s="1" t="s">
        <v>25</v>
      </c>
      <c r="M163" s="1" t="s">
        <v>24</v>
      </c>
      <c r="N163" s="1" t="s">
        <v>24</v>
      </c>
      <c r="O163" s="1">
        <v>35.428256400000002</v>
      </c>
      <c r="P163" s="1">
        <v>133.25372340000001</v>
      </c>
    </row>
    <row r="164" spans="1:16" ht="20.100000000000001" customHeight="1" x14ac:dyDescent="0.4">
      <c r="A164" s="1" t="s">
        <v>821</v>
      </c>
      <c r="B164" s="1" t="s">
        <v>297</v>
      </c>
      <c r="C164" s="1" t="s">
        <v>822</v>
      </c>
      <c r="D164" s="1" t="s">
        <v>19</v>
      </c>
      <c r="E164" s="1" t="s">
        <v>823</v>
      </c>
      <c r="F164" s="1" t="s">
        <v>824</v>
      </c>
      <c r="G164" s="1" t="s">
        <v>80</v>
      </c>
      <c r="H164" s="1" t="s">
        <v>825</v>
      </c>
      <c r="I164" s="1" t="s">
        <v>24</v>
      </c>
      <c r="J164" s="1" t="s">
        <v>25</v>
      </c>
      <c r="K164" s="1" t="s">
        <v>24</v>
      </c>
      <c r="L164" s="1" t="s">
        <v>25</v>
      </c>
      <c r="M164" s="1" t="s">
        <v>24</v>
      </c>
      <c r="N164" s="1" t="s">
        <v>24</v>
      </c>
      <c r="O164" s="1">
        <v>35.367655470000003</v>
      </c>
      <c r="P164" s="1">
        <v>132.75204980000001</v>
      </c>
    </row>
    <row r="165" spans="1:16" ht="20.100000000000001" customHeight="1" x14ac:dyDescent="0.4">
      <c r="A165" s="1" t="s">
        <v>826</v>
      </c>
      <c r="B165" s="1" t="s">
        <v>225</v>
      </c>
      <c r="C165" s="1" t="s">
        <v>827</v>
      </c>
      <c r="D165" s="1" t="s">
        <v>19</v>
      </c>
      <c r="E165" s="1" t="s">
        <v>828</v>
      </c>
      <c r="F165" s="1" t="s">
        <v>99</v>
      </c>
      <c r="G165" s="1" t="s">
        <v>283</v>
      </c>
      <c r="H165" s="1" t="s">
        <v>829</v>
      </c>
      <c r="I165" s="1" t="s">
        <v>24</v>
      </c>
      <c r="J165" s="1" t="s">
        <v>25</v>
      </c>
      <c r="K165" s="1" t="s">
        <v>25</v>
      </c>
      <c r="L165" s="1" t="s">
        <v>25</v>
      </c>
      <c r="M165" s="1" t="s">
        <v>24</v>
      </c>
      <c r="N165" s="1" t="s">
        <v>24</v>
      </c>
      <c r="O165" s="1">
        <v>35.440903300000002</v>
      </c>
      <c r="P165" s="1">
        <v>132.8318926</v>
      </c>
    </row>
    <row r="166" spans="1:16" ht="20.100000000000001" customHeight="1" x14ac:dyDescent="0.4">
      <c r="A166" s="1" t="s">
        <v>830</v>
      </c>
      <c r="B166" s="1" t="s">
        <v>237</v>
      </c>
      <c r="C166" s="1" t="s">
        <v>831</v>
      </c>
      <c r="D166" s="1" t="s">
        <v>19</v>
      </c>
      <c r="E166" s="1" t="s">
        <v>832</v>
      </c>
      <c r="F166" s="1" t="s">
        <v>99</v>
      </c>
      <c r="G166" s="1" t="s">
        <v>283</v>
      </c>
      <c r="H166" s="1" t="s">
        <v>829</v>
      </c>
      <c r="I166" s="1" t="s">
        <v>24</v>
      </c>
      <c r="J166" s="1" t="s">
        <v>25</v>
      </c>
      <c r="K166" s="1" t="s">
        <v>25</v>
      </c>
      <c r="L166" s="1" t="s">
        <v>25</v>
      </c>
      <c r="M166" s="1" t="s">
        <v>24</v>
      </c>
      <c r="N166" s="1" t="s">
        <v>24</v>
      </c>
      <c r="O166" s="1">
        <v>35.396266099999998</v>
      </c>
      <c r="P166" s="1">
        <v>132.8510876</v>
      </c>
    </row>
    <row r="167" spans="1:16" ht="20.100000000000001" customHeight="1" x14ac:dyDescent="0.4">
      <c r="A167" s="1" t="s">
        <v>833</v>
      </c>
      <c r="B167" s="1" t="s">
        <v>215</v>
      </c>
      <c r="C167" s="1" t="s">
        <v>834</v>
      </c>
      <c r="D167" s="1" t="s">
        <v>53</v>
      </c>
      <c r="E167" s="1" t="s">
        <v>835</v>
      </c>
      <c r="F167" s="1" t="s">
        <v>211</v>
      </c>
      <c r="G167" s="1" t="s">
        <v>836</v>
      </c>
      <c r="H167" s="1" t="s">
        <v>837</v>
      </c>
      <c r="I167" s="1" t="s">
        <v>25</v>
      </c>
      <c r="J167" s="1" t="s">
        <v>24</v>
      </c>
      <c r="K167" s="1" t="s">
        <v>25</v>
      </c>
      <c r="L167" s="1" t="s">
        <v>25</v>
      </c>
      <c r="M167" s="1" t="s">
        <v>24</v>
      </c>
      <c r="N167" s="1" t="s">
        <v>24</v>
      </c>
      <c r="O167" s="1">
        <v>35.480096899999999</v>
      </c>
      <c r="P167" s="1">
        <v>133.04504439999999</v>
      </c>
    </row>
    <row r="168" spans="1:16" ht="20.100000000000001" customHeight="1" x14ac:dyDescent="0.4">
      <c r="A168" s="1" t="s">
        <v>838</v>
      </c>
      <c r="B168" s="1" t="s">
        <v>839</v>
      </c>
      <c r="C168" s="1" t="s">
        <v>840</v>
      </c>
      <c r="D168" s="1" t="s">
        <v>53</v>
      </c>
      <c r="E168" s="1" t="s">
        <v>841</v>
      </c>
      <c r="F168" s="1" t="s">
        <v>234</v>
      </c>
      <c r="G168" s="1" t="s">
        <v>728</v>
      </c>
      <c r="H168" s="1"/>
      <c r="I168" s="1" t="s">
        <v>24</v>
      </c>
      <c r="J168" s="1" t="s">
        <v>25</v>
      </c>
      <c r="K168" s="1" t="s">
        <v>25</v>
      </c>
      <c r="L168" s="1" t="s">
        <v>25</v>
      </c>
      <c r="M168" s="1" t="s">
        <v>24</v>
      </c>
      <c r="N168" s="1" t="s">
        <v>24</v>
      </c>
      <c r="O168" s="1">
        <v>35.469431899999996</v>
      </c>
      <c r="P168" s="1">
        <v>133.05704919999999</v>
      </c>
    </row>
    <row r="169" spans="1:16" ht="20.100000000000001" customHeight="1" x14ac:dyDescent="0.4">
      <c r="A169" s="1" t="s">
        <v>842</v>
      </c>
      <c r="B169" s="1" t="s">
        <v>839</v>
      </c>
      <c r="C169" s="1" t="s">
        <v>843</v>
      </c>
      <c r="D169" s="1" t="s">
        <v>53</v>
      </c>
      <c r="E169" s="1" t="s">
        <v>844</v>
      </c>
      <c r="F169" s="1" t="s">
        <v>234</v>
      </c>
      <c r="G169" s="1" t="s">
        <v>728</v>
      </c>
      <c r="H169" s="1"/>
      <c r="I169" s="1" t="s">
        <v>24</v>
      </c>
      <c r="J169" s="1" t="s">
        <v>25</v>
      </c>
      <c r="K169" s="1" t="s">
        <v>25</v>
      </c>
      <c r="L169" s="1" t="s">
        <v>25</v>
      </c>
      <c r="M169" s="1" t="s">
        <v>24</v>
      </c>
      <c r="N169" s="1" t="s">
        <v>24</v>
      </c>
      <c r="O169" s="1">
        <v>35.479378199999999</v>
      </c>
      <c r="P169" s="1">
        <v>133.0684311</v>
      </c>
    </row>
    <row r="170" spans="1:16" ht="20.100000000000001" customHeight="1" x14ac:dyDescent="0.4">
      <c r="A170" s="1" t="s">
        <v>845</v>
      </c>
      <c r="B170" s="1" t="s">
        <v>839</v>
      </c>
      <c r="C170" s="1" t="s">
        <v>846</v>
      </c>
      <c r="D170" s="1" t="s">
        <v>53</v>
      </c>
      <c r="E170" s="1" t="s">
        <v>847</v>
      </c>
      <c r="F170" s="1" t="s">
        <v>234</v>
      </c>
      <c r="G170" s="1" t="s">
        <v>728</v>
      </c>
      <c r="H170" s="1"/>
      <c r="I170" s="1" t="s">
        <v>24</v>
      </c>
      <c r="J170" s="1" t="s">
        <v>25</v>
      </c>
      <c r="K170" s="1" t="s">
        <v>25</v>
      </c>
      <c r="L170" s="1" t="s">
        <v>25</v>
      </c>
      <c r="M170" s="1" t="s">
        <v>24</v>
      </c>
      <c r="N170" s="1" t="s">
        <v>24</v>
      </c>
      <c r="O170" s="1">
        <v>35.475186299999997</v>
      </c>
      <c r="P170" s="1">
        <v>133.0434808</v>
      </c>
    </row>
    <row r="171" spans="1:16" ht="20.100000000000001" customHeight="1" x14ac:dyDescent="0.4">
      <c r="A171" s="1" t="s">
        <v>848</v>
      </c>
      <c r="B171" s="1" t="s">
        <v>311</v>
      </c>
      <c r="C171" s="1" t="s">
        <v>849</v>
      </c>
      <c r="D171" s="1" t="s">
        <v>53</v>
      </c>
      <c r="E171" s="1" t="s">
        <v>850</v>
      </c>
      <c r="F171" s="1" t="s">
        <v>851</v>
      </c>
      <c r="G171" s="1" t="s">
        <v>163</v>
      </c>
      <c r="H171" s="1"/>
      <c r="I171" s="1" t="s">
        <v>24</v>
      </c>
      <c r="J171" s="1" t="s">
        <v>25</v>
      </c>
      <c r="K171" s="1" t="s">
        <v>25</v>
      </c>
      <c r="L171" s="1" t="s">
        <v>24</v>
      </c>
      <c r="M171" s="1" t="s">
        <v>24</v>
      </c>
      <c r="N171" s="1" t="s">
        <v>24</v>
      </c>
      <c r="O171" s="1">
        <v>35.483697200000002</v>
      </c>
      <c r="P171" s="1">
        <v>133.07011410000001</v>
      </c>
    </row>
    <row r="172" spans="1:16" ht="20.100000000000001" customHeight="1" x14ac:dyDescent="0.4">
      <c r="A172" s="1" t="s">
        <v>852</v>
      </c>
      <c r="B172" s="1" t="s">
        <v>529</v>
      </c>
      <c r="C172" s="1" t="s">
        <v>853</v>
      </c>
      <c r="D172" s="1" t="s">
        <v>19</v>
      </c>
      <c r="E172" s="1" t="s">
        <v>854</v>
      </c>
      <c r="F172" s="1" t="s">
        <v>855</v>
      </c>
      <c r="G172" s="1" t="s">
        <v>856</v>
      </c>
      <c r="H172" s="1"/>
      <c r="I172" s="1" t="s">
        <v>24</v>
      </c>
      <c r="J172" s="1" t="s">
        <v>25</v>
      </c>
      <c r="K172" s="1" t="s">
        <v>25</v>
      </c>
      <c r="L172" s="1" t="s">
        <v>25</v>
      </c>
      <c r="M172" s="1" t="s">
        <v>24</v>
      </c>
      <c r="N172" s="1" t="s">
        <v>24</v>
      </c>
      <c r="O172" s="1">
        <v>35.397499699999997</v>
      </c>
      <c r="P172" s="1">
        <v>132.6822564</v>
      </c>
    </row>
    <row r="173" spans="1:16" ht="20.100000000000001" customHeight="1" x14ac:dyDescent="0.4">
      <c r="A173" s="1" t="s">
        <v>857</v>
      </c>
      <c r="B173" s="1" t="s">
        <v>858</v>
      </c>
      <c r="C173" s="1" t="s">
        <v>859</v>
      </c>
      <c r="D173" s="1" t="s">
        <v>19</v>
      </c>
      <c r="E173" s="1" t="s">
        <v>860</v>
      </c>
      <c r="F173" s="1" t="s">
        <v>339</v>
      </c>
      <c r="G173" s="1" t="s">
        <v>627</v>
      </c>
      <c r="H173" s="1" t="s">
        <v>861</v>
      </c>
      <c r="I173" s="1" t="s">
        <v>25</v>
      </c>
      <c r="J173" s="1" t="s">
        <v>24</v>
      </c>
      <c r="K173" s="1" t="s">
        <v>25</v>
      </c>
      <c r="L173" s="1" t="s">
        <v>25</v>
      </c>
      <c r="M173" s="1" t="s">
        <v>24</v>
      </c>
      <c r="N173" s="1" t="s">
        <v>24</v>
      </c>
      <c r="O173" s="1">
        <v>35.368074200000002</v>
      </c>
      <c r="P173" s="1">
        <v>132.76718829999999</v>
      </c>
    </row>
    <row r="174" spans="1:16" ht="20.100000000000001" customHeight="1" x14ac:dyDescent="0.4">
      <c r="A174" s="1" t="s">
        <v>862</v>
      </c>
      <c r="B174" s="1" t="s">
        <v>771</v>
      </c>
      <c r="C174" s="1" t="s">
        <v>863</v>
      </c>
      <c r="D174" s="1" t="s">
        <v>47</v>
      </c>
      <c r="E174" s="1" t="s">
        <v>864</v>
      </c>
      <c r="F174" s="1" t="s">
        <v>339</v>
      </c>
      <c r="G174" s="1" t="s">
        <v>627</v>
      </c>
      <c r="H174" s="1" t="s">
        <v>861</v>
      </c>
      <c r="I174" s="1" t="s">
        <v>25</v>
      </c>
      <c r="J174" s="1" t="s">
        <v>24</v>
      </c>
      <c r="K174" s="1" t="s">
        <v>25</v>
      </c>
      <c r="L174" s="1" t="s">
        <v>25</v>
      </c>
      <c r="M174" s="1" t="s">
        <v>24</v>
      </c>
      <c r="N174" s="1" t="s">
        <v>24</v>
      </c>
      <c r="O174" s="1">
        <v>35.322972800000002</v>
      </c>
      <c r="P174" s="1">
        <v>132.9755634</v>
      </c>
    </row>
    <row r="175" spans="1:16" ht="20.100000000000001" customHeight="1" x14ac:dyDescent="0.4">
      <c r="A175" s="1" t="s">
        <v>865</v>
      </c>
      <c r="B175" s="1" t="s">
        <v>866</v>
      </c>
      <c r="C175" s="1" t="s">
        <v>867</v>
      </c>
      <c r="D175" s="1" t="s">
        <v>29</v>
      </c>
      <c r="E175" s="1" t="s">
        <v>868</v>
      </c>
      <c r="F175" s="1" t="s">
        <v>339</v>
      </c>
      <c r="G175" s="1" t="s">
        <v>627</v>
      </c>
      <c r="H175" s="1" t="s">
        <v>861</v>
      </c>
      <c r="I175" s="1" t="s">
        <v>25</v>
      </c>
      <c r="J175" s="1" t="s">
        <v>24</v>
      </c>
      <c r="K175" s="1" t="s">
        <v>25</v>
      </c>
      <c r="L175" s="1" t="s">
        <v>25</v>
      </c>
      <c r="M175" s="1" t="s">
        <v>24</v>
      </c>
      <c r="N175" s="1" t="s">
        <v>24</v>
      </c>
      <c r="O175" s="1">
        <v>35.036700500000002</v>
      </c>
      <c r="P175" s="1">
        <v>132.2726787</v>
      </c>
    </row>
    <row r="176" spans="1:16" ht="20.100000000000001" customHeight="1" x14ac:dyDescent="0.4">
      <c r="A176" s="1" t="s">
        <v>869</v>
      </c>
      <c r="B176" s="1" t="s">
        <v>870</v>
      </c>
      <c r="C176" s="1" t="s">
        <v>871</v>
      </c>
      <c r="D176" s="1" t="s">
        <v>29</v>
      </c>
      <c r="E176" s="1" t="s">
        <v>872</v>
      </c>
      <c r="F176" s="1" t="s">
        <v>339</v>
      </c>
      <c r="G176" s="1" t="s">
        <v>627</v>
      </c>
      <c r="H176" s="1" t="s">
        <v>861</v>
      </c>
      <c r="I176" s="1" t="s">
        <v>25</v>
      </c>
      <c r="J176" s="1" t="s">
        <v>24</v>
      </c>
      <c r="K176" s="1" t="s">
        <v>25</v>
      </c>
      <c r="L176" s="1" t="s">
        <v>25</v>
      </c>
      <c r="M176" s="1" t="s">
        <v>24</v>
      </c>
      <c r="N176" s="1" t="s">
        <v>24</v>
      </c>
      <c r="O176" s="1">
        <v>34.9383269</v>
      </c>
      <c r="P176" s="1">
        <v>132.11582609999999</v>
      </c>
    </row>
    <row r="177" spans="1:16" ht="20.100000000000001" customHeight="1" x14ac:dyDescent="0.4">
      <c r="A177" s="1" t="s">
        <v>873</v>
      </c>
      <c r="B177" s="1" t="s">
        <v>225</v>
      </c>
      <c r="C177" s="1" t="s">
        <v>874</v>
      </c>
      <c r="D177" s="1" t="s">
        <v>19</v>
      </c>
      <c r="E177" s="1" t="s">
        <v>875</v>
      </c>
      <c r="F177" s="1" t="s">
        <v>339</v>
      </c>
      <c r="G177" s="1" t="s">
        <v>627</v>
      </c>
      <c r="H177" s="1" t="s">
        <v>861</v>
      </c>
      <c r="I177" s="1" t="s">
        <v>25</v>
      </c>
      <c r="J177" s="1" t="s">
        <v>24</v>
      </c>
      <c r="K177" s="1" t="s">
        <v>25</v>
      </c>
      <c r="L177" s="1" t="s">
        <v>25</v>
      </c>
      <c r="M177" s="1" t="s">
        <v>24</v>
      </c>
      <c r="N177" s="1" t="s">
        <v>24</v>
      </c>
      <c r="O177" s="1">
        <v>35.464513199999999</v>
      </c>
      <c r="P177" s="1">
        <v>133.0645154</v>
      </c>
    </row>
    <row r="178" spans="1:16" ht="20.100000000000001" customHeight="1" x14ac:dyDescent="0.4">
      <c r="A178" s="1" t="s">
        <v>876</v>
      </c>
      <c r="B178" s="1" t="s">
        <v>461</v>
      </c>
      <c r="C178" s="1" t="s">
        <v>877</v>
      </c>
      <c r="D178" s="1" t="s">
        <v>53</v>
      </c>
      <c r="E178" s="1" t="s">
        <v>878</v>
      </c>
      <c r="F178" s="1" t="s">
        <v>879</v>
      </c>
      <c r="G178" s="1" t="s">
        <v>880</v>
      </c>
      <c r="H178" s="1" t="s">
        <v>881</v>
      </c>
      <c r="I178" s="1" t="s">
        <v>24</v>
      </c>
      <c r="J178" s="1" t="s">
        <v>24</v>
      </c>
      <c r="K178" s="1" t="s">
        <v>25</v>
      </c>
      <c r="L178" s="1" t="s">
        <v>25</v>
      </c>
      <c r="M178" s="1" t="s">
        <v>24</v>
      </c>
      <c r="N178" s="1" t="s">
        <v>24</v>
      </c>
      <c r="O178" s="1">
        <v>35.485968399999997</v>
      </c>
      <c r="P178" s="1">
        <v>133.04526920000001</v>
      </c>
    </row>
    <row r="179" spans="1:16" ht="20.100000000000001" customHeight="1" x14ac:dyDescent="0.4">
      <c r="A179" s="1" t="s">
        <v>882</v>
      </c>
      <c r="B179" s="1" t="s">
        <v>311</v>
      </c>
      <c r="C179" s="1" t="s">
        <v>883</v>
      </c>
      <c r="D179" s="1" t="s">
        <v>53</v>
      </c>
      <c r="E179" s="1" t="s">
        <v>884</v>
      </c>
      <c r="F179" s="1" t="s">
        <v>757</v>
      </c>
      <c r="G179" s="1" t="s">
        <v>885</v>
      </c>
      <c r="H179" s="1" t="s">
        <v>881</v>
      </c>
      <c r="I179" s="1" t="s">
        <v>24</v>
      </c>
      <c r="J179" s="1" t="s">
        <v>24</v>
      </c>
      <c r="K179" s="1" t="s">
        <v>25</v>
      </c>
      <c r="L179" s="1" t="s">
        <v>25</v>
      </c>
      <c r="M179" s="1" t="s">
        <v>24</v>
      </c>
      <c r="N179" s="1" t="s">
        <v>24</v>
      </c>
      <c r="O179" s="1">
        <v>35.482265769999998</v>
      </c>
      <c r="P179" s="1">
        <v>133.0653379</v>
      </c>
    </row>
    <row r="180" spans="1:16" ht="20.100000000000001" customHeight="1" x14ac:dyDescent="0.4">
      <c r="A180" s="1" t="s">
        <v>886</v>
      </c>
      <c r="B180" s="1" t="s">
        <v>887</v>
      </c>
      <c r="C180" s="1" t="s">
        <v>888</v>
      </c>
      <c r="D180" s="1" t="s">
        <v>53</v>
      </c>
      <c r="E180" s="1" t="s">
        <v>889</v>
      </c>
      <c r="F180" s="1" t="s">
        <v>890</v>
      </c>
      <c r="G180" s="1" t="s">
        <v>891</v>
      </c>
      <c r="H180" s="1" t="s">
        <v>720</v>
      </c>
      <c r="I180" s="1" t="s">
        <v>25</v>
      </c>
      <c r="J180" s="1" t="s">
        <v>24</v>
      </c>
      <c r="K180" s="1" t="s">
        <v>25</v>
      </c>
      <c r="L180" s="1" t="s">
        <v>25</v>
      </c>
      <c r="M180" s="1" t="s">
        <v>24</v>
      </c>
      <c r="N180" s="1" t="s">
        <v>24</v>
      </c>
      <c r="O180" s="1">
        <v>35.466073799999997</v>
      </c>
      <c r="P180" s="1">
        <v>133.05438570000001</v>
      </c>
    </row>
    <row r="181" spans="1:16" ht="20.100000000000001" customHeight="1" x14ac:dyDescent="0.4">
      <c r="A181" s="1" t="s">
        <v>892</v>
      </c>
      <c r="B181" s="1" t="s">
        <v>184</v>
      </c>
      <c r="C181" s="1" t="s">
        <v>893</v>
      </c>
      <c r="D181" s="1" t="s">
        <v>53</v>
      </c>
      <c r="E181" s="1" t="s">
        <v>894</v>
      </c>
      <c r="F181" s="1" t="s">
        <v>895</v>
      </c>
      <c r="G181" s="1" t="s">
        <v>896</v>
      </c>
      <c r="H181" s="1" t="s">
        <v>720</v>
      </c>
      <c r="I181" s="1" t="s">
        <v>25</v>
      </c>
      <c r="J181" s="1" t="s">
        <v>24</v>
      </c>
      <c r="K181" s="1" t="s">
        <v>25</v>
      </c>
      <c r="L181" s="1" t="s">
        <v>25</v>
      </c>
      <c r="M181" s="1" t="s">
        <v>24</v>
      </c>
      <c r="N181" s="1" t="s">
        <v>24</v>
      </c>
      <c r="O181" s="1">
        <v>35.473020499999997</v>
      </c>
      <c r="P181" s="1">
        <v>133.0642679</v>
      </c>
    </row>
    <row r="182" spans="1:16" ht="20.100000000000001" customHeight="1" x14ac:dyDescent="0.4">
      <c r="A182" s="1" t="s">
        <v>897</v>
      </c>
      <c r="B182" s="1" t="s">
        <v>607</v>
      </c>
      <c r="C182" s="1" t="s">
        <v>898</v>
      </c>
      <c r="D182" s="1" t="s">
        <v>35</v>
      </c>
      <c r="E182" s="1" t="s">
        <v>894</v>
      </c>
      <c r="F182" s="1" t="s">
        <v>895</v>
      </c>
      <c r="G182" s="1" t="s">
        <v>896</v>
      </c>
      <c r="H182" s="1" t="s">
        <v>720</v>
      </c>
      <c r="I182" s="1" t="s">
        <v>25</v>
      </c>
      <c r="J182" s="1" t="s">
        <v>24</v>
      </c>
      <c r="K182" s="1" t="s">
        <v>25</v>
      </c>
      <c r="L182" s="1" t="s">
        <v>25</v>
      </c>
      <c r="M182" s="1" t="s">
        <v>24</v>
      </c>
      <c r="N182" s="1" t="s">
        <v>24</v>
      </c>
      <c r="O182" s="1">
        <v>34.676805799999997</v>
      </c>
      <c r="P182" s="1">
        <v>131.8391317</v>
      </c>
    </row>
    <row r="183" spans="1:16" ht="20.100000000000001" customHeight="1" x14ac:dyDescent="0.4">
      <c r="A183" s="1" t="s">
        <v>899</v>
      </c>
      <c r="B183" s="1" t="s">
        <v>900</v>
      </c>
      <c r="C183" s="1" t="s">
        <v>901</v>
      </c>
      <c r="D183" s="1" t="s">
        <v>53</v>
      </c>
      <c r="E183" s="1" t="s">
        <v>902</v>
      </c>
      <c r="F183" s="1" t="s">
        <v>895</v>
      </c>
      <c r="G183" s="1" t="s">
        <v>896</v>
      </c>
      <c r="H183" s="1" t="s">
        <v>720</v>
      </c>
      <c r="I183" s="1" t="s">
        <v>24</v>
      </c>
      <c r="J183" s="1" t="s">
        <v>25</v>
      </c>
      <c r="K183" s="1" t="s">
        <v>25</v>
      </c>
      <c r="L183" s="1" t="s">
        <v>25</v>
      </c>
      <c r="M183" s="1" t="s">
        <v>24</v>
      </c>
      <c r="N183" s="1" t="s">
        <v>24</v>
      </c>
      <c r="O183" s="1">
        <v>35.3676271</v>
      </c>
      <c r="P183" s="1">
        <v>133.17453649999999</v>
      </c>
    </row>
    <row r="184" spans="1:16" ht="20.100000000000001" customHeight="1" x14ac:dyDescent="0.4">
      <c r="A184" s="1" t="s">
        <v>903</v>
      </c>
      <c r="B184" s="1" t="s">
        <v>96</v>
      </c>
      <c r="C184" s="1" t="s">
        <v>904</v>
      </c>
      <c r="D184" s="1" t="s">
        <v>53</v>
      </c>
      <c r="E184" s="1" t="s">
        <v>902</v>
      </c>
      <c r="F184" s="1" t="s">
        <v>895</v>
      </c>
      <c r="G184" s="1" t="s">
        <v>896</v>
      </c>
      <c r="H184" s="1" t="s">
        <v>720</v>
      </c>
      <c r="I184" s="1" t="s">
        <v>24</v>
      </c>
      <c r="J184" s="1" t="s">
        <v>25</v>
      </c>
      <c r="K184" s="1" t="s">
        <v>25</v>
      </c>
      <c r="L184" s="1" t="s">
        <v>25</v>
      </c>
      <c r="M184" s="1" t="s">
        <v>24</v>
      </c>
      <c r="N184" s="1" t="s">
        <v>24</v>
      </c>
      <c r="O184" s="1">
        <v>35.426775999999997</v>
      </c>
      <c r="P184" s="1">
        <v>133.24686829999999</v>
      </c>
    </row>
    <row r="185" spans="1:16" ht="20.100000000000001" customHeight="1" x14ac:dyDescent="0.4">
      <c r="A185" s="1" t="s">
        <v>905</v>
      </c>
      <c r="B185" s="1" t="s">
        <v>906</v>
      </c>
      <c r="C185" s="1" t="s">
        <v>907</v>
      </c>
      <c r="D185" s="1" t="s">
        <v>84</v>
      </c>
      <c r="E185" s="1" t="s">
        <v>908</v>
      </c>
      <c r="F185" s="1" t="s">
        <v>895</v>
      </c>
      <c r="G185" s="1" t="s">
        <v>896</v>
      </c>
      <c r="H185" s="1" t="s">
        <v>720</v>
      </c>
      <c r="I185" s="1" t="s">
        <v>24</v>
      </c>
      <c r="J185" s="1" t="s">
        <v>25</v>
      </c>
      <c r="K185" s="1" t="s">
        <v>25</v>
      </c>
      <c r="L185" s="1" t="s">
        <v>25</v>
      </c>
      <c r="M185" s="1" t="s">
        <v>24</v>
      </c>
      <c r="N185" s="1" t="s">
        <v>24</v>
      </c>
      <c r="O185" s="1">
        <v>34.854066099999997</v>
      </c>
      <c r="P185" s="1">
        <v>132.51876480000001</v>
      </c>
    </row>
    <row r="186" spans="1:16" ht="20.100000000000001" customHeight="1" x14ac:dyDescent="0.4">
      <c r="A186" s="1" t="s">
        <v>909</v>
      </c>
      <c r="B186" s="1" t="s">
        <v>910</v>
      </c>
      <c r="C186" s="1" t="s">
        <v>911</v>
      </c>
      <c r="D186" s="1" t="s">
        <v>35</v>
      </c>
      <c r="E186" s="1" t="s">
        <v>912</v>
      </c>
      <c r="F186" s="1" t="s">
        <v>895</v>
      </c>
      <c r="G186" s="1" t="s">
        <v>896</v>
      </c>
      <c r="H186" s="1" t="s">
        <v>720</v>
      </c>
      <c r="I186" s="1" t="s">
        <v>24</v>
      </c>
      <c r="J186" s="1" t="s">
        <v>25</v>
      </c>
      <c r="K186" s="1" t="s">
        <v>25</v>
      </c>
      <c r="L186" s="1" t="s">
        <v>25</v>
      </c>
      <c r="M186" s="1" t="s">
        <v>24</v>
      </c>
      <c r="N186" s="1" t="s">
        <v>24</v>
      </c>
      <c r="O186" s="1">
        <v>34.625633399999998</v>
      </c>
      <c r="P186" s="1">
        <v>131.80706380000001</v>
      </c>
    </row>
    <row r="187" spans="1:16" ht="20.100000000000001" customHeight="1" x14ac:dyDescent="0.4">
      <c r="A187" s="1" t="s">
        <v>913</v>
      </c>
      <c r="B187" s="1" t="s">
        <v>102</v>
      </c>
      <c r="C187" s="1" t="s">
        <v>914</v>
      </c>
      <c r="D187" s="1" t="s">
        <v>84</v>
      </c>
      <c r="E187" s="1" t="s">
        <v>912</v>
      </c>
      <c r="F187" s="1" t="s">
        <v>895</v>
      </c>
      <c r="G187" s="1" t="s">
        <v>896</v>
      </c>
      <c r="H187" s="1" t="s">
        <v>720</v>
      </c>
      <c r="I187" s="1" t="s">
        <v>24</v>
      </c>
      <c r="J187" s="1" t="s">
        <v>24</v>
      </c>
      <c r="K187" s="1" t="s">
        <v>25</v>
      </c>
      <c r="L187" s="1" t="s">
        <v>25</v>
      </c>
      <c r="M187" s="1" t="s">
        <v>24</v>
      </c>
      <c r="N187" s="1" t="s">
        <v>24</v>
      </c>
      <c r="O187" s="1">
        <v>35.195192200000001</v>
      </c>
      <c r="P187" s="1">
        <v>132.50440380000001</v>
      </c>
    </row>
    <row r="188" spans="1:16" ht="20.100000000000001" customHeight="1" x14ac:dyDescent="0.4">
      <c r="A188" s="1" t="s">
        <v>915</v>
      </c>
      <c r="B188" s="1" t="s">
        <v>916</v>
      </c>
      <c r="C188" s="1" t="s">
        <v>917</v>
      </c>
      <c r="D188" s="1" t="s">
        <v>53</v>
      </c>
      <c r="E188" s="1" t="s">
        <v>912</v>
      </c>
      <c r="F188" s="1" t="s">
        <v>895</v>
      </c>
      <c r="G188" s="1" t="s">
        <v>896</v>
      </c>
      <c r="H188" s="1" t="s">
        <v>720</v>
      </c>
      <c r="I188" s="1" t="s">
        <v>24</v>
      </c>
      <c r="J188" s="1" t="s">
        <v>24</v>
      </c>
      <c r="K188" s="1" t="s">
        <v>25</v>
      </c>
      <c r="L188" s="1" t="s">
        <v>25</v>
      </c>
      <c r="M188" s="1" t="s">
        <v>24</v>
      </c>
      <c r="N188" s="1" t="s">
        <v>24</v>
      </c>
      <c r="O188" s="1">
        <v>35.459308</v>
      </c>
      <c r="P188" s="1">
        <v>133.05683289999999</v>
      </c>
    </row>
    <row r="189" spans="1:16" ht="20.100000000000001" customHeight="1" x14ac:dyDescent="0.4">
      <c r="A189" s="1" t="s">
        <v>918</v>
      </c>
      <c r="B189" s="1" t="s">
        <v>461</v>
      </c>
      <c r="C189" s="1" t="s">
        <v>919</v>
      </c>
      <c r="D189" s="1" t="s">
        <v>53</v>
      </c>
      <c r="E189" s="1" t="s">
        <v>920</v>
      </c>
      <c r="F189" s="1" t="s">
        <v>895</v>
      </c>
      <c r="G189" s="1" t="s">
        <v>896</v>
      </c>
      <c r="H189" s="1" t="s">
        <v>720</v>
      </c>
      <c r="I189" s="1" t="s">
        <v>24</v>
      </c>
      <c r="J189" s="1" t="s">
        <v>24</v>
      </c>
      <c r="K189" s="1" t="s">
        <v>25</v>
      </c>
      <c r="L189" s="1" t="s">
        <v>25</v>
      </c>
      <c r="M189" s="1" t="s">
        <v>24</v>
      </c>
      <c r="N189" s="1" t="s">
        <v>24</v>
      </c>
      <c r="O189" s="1">
        <v>35.486584899999997</v>
      </c>
      <c r="P189" s="1">
        <v>133.04276390000001</v>
      </c>
    </row>
    <row r="190" spans="1:16" ht="20.100000000000001" customHeight="1" x14ac:dyDescent="0.4">
      <c r="A190" s="1" t="s">
        <v>921</v>
      </c>
      <c r="B190" s="1" t="s">
        <v>887</v>
      </c>
      <c r="C190" s="1" t="s">
        <v>888</v>
      </c>
      <c r="D190" s="1" t="s">
        <v>53</v>
      </c>
      <c r="E190" s="1" t="s">
        <v>922</v>
      </c>
      <c r="F190" s="1" t="s">
        <v>895</v>
      </c>
      <c r="G190" s="1" t="s">
        <v>896</v>
      </c>
      <c r="H190" s="1" t="s">
        <v>720</v>
      </c>
      <c r="I190" s="1" t="s">
        <v>24</v>
      </c>
      <c r="J190" s="1" t="s">
        <v>24</v>
      </c>
      <c r="K190" s="1" t="s">
        <v>25</v>
      </c>
      <c r="L190" s="1" t="s">
        <v>25</v>
      </c>
      <c r="M190" s="1" t="s">
        <v>24</v>
      </c>
      <c r="N190" s="1" t="s">
        <v>24</v>
      </c>
      <c r="O190" s="1">
        <v>35.466073799999997</v>
      </c>
      <c r="P190" s="1">
        <v>133.05438570000001</v>
      </c>
    </row>
    <row r="191" spans="1:16" ht="20.100000000000001" customHeight="1" x14ac:dyDescent="0.4">
      <c r="A191" s="1" t="s">
        <v>923</v>
      </c>
      <c r="B191" s="1" t="s">
        <v>734</v>
      </c>
      <c r="C191" s="1" t="s">
        <v>924</v>
      </c>
      <c r="D191" s="1" t="s">
        <v>19</v>
      </c>
      <c r="E191" s="1" t="s">
        <v>925</v>
      </c>
      <c r="F191" s="1" t="s">
        <v>99</v>
      </c>
      <c r="G191" s="1" t="s">
        <v>283</v>
      </c>
      <c r="H191" s="1"/>
      <c r="I191" s="1" t="s">
        <v>24</v>
      </c>
      <c r="J191" s="1" t="s">
        <v>25</v>
      </c>
      <c r="K191" s="1" t="s">
        <v>25</v>
      </c>
      <c r="L191" s="1" t="s">
        <v>25</v>
      </c>
      <c r="M191" s="1" t="s">
        <v>24</v>
      </c>
      <c r="N191" s="1" t="s">
        <v>24</v>
      </c>
      <c r="O191" s="1">
        <v>35.345686600000001</v>
      </c>
      <c r="P191" s="1">
        <v>132.72090470000001</v>
      </c>
    </row>
    <row r="192" spans="1:16" ht="20.100000000000001" customHeight="1" x14ac:dyDescent="0.4">
      <c r="A192" s="1" t="s">
        <v>926</v>
      </c>
      <c r="B192" s="1" t="s">
        <v>927</v>
      </c>
      <c r="C192" s="1" t="s">
        <v>928</v>
      </c>
      <c r="D192" s="1" t="s">
        <v>29</v>
      </c>
      <c r="E192" s="1" t="s">
        <v>929</v>
      </c>
      <c r="F192" s="1" t="s">
        <v>99</v>
      </c>
      <c r="G192" s="1" t="s">
        <v>218</v>
      </c>
      <c r="H192" s="1"/>
      <c r="I192" s="1" t="s">
        <v>24</v>
      </c>
      <c r="J192" s="1" t="s">
        <v>25</v>
      </c>
      <c r="K192" s="1" t="s">
        <v>25</v>
      </c>
      <c r="L192" s="1" t="s">
        <v>25</v>
      </c>
      <c r="M192" s="1" t="s">
        <v>24</v>
      </c>
      <c r="N192" s="1" t="s">
        <v>24</v>
      </c>
      <c r="O192" s="1">
        <v>34.868237999999998</v>
      </c>
      <c r="P192" s="1">
        <v>132.03975679999999</v>
      </c>
    </row>
    <row r="193" spans="1:16" ht="20.100000000000001" customHeight="1" x14ac:dyDescent="0.4">
      <c r="A193" s="1" t="s">
        <v>930</v>
      </c>
      <c r="B193" s="1" t="s">
        <v>931</v>
      </c>
      <c r="C193" s="1" t="s">
        <v>932</v>
      </c>
      <c r="D193" s="1" t="s">
        <v>19</v>
      </c>
      <c r="E193" s="1" t="s">
        <v>933</v>
      </c>
      <c r="F193" s="1" t="s">
        <v>99</v>
      </c>
      <c r="G193" s="1" t="s">
        <v>283</v>
      </c>
      <c r="H193" s="1"/>
      <c r="I193" s="1" t="s">
        <v>24</v>
      </c>
      <c r="J193" s="1" t="s">
        <v>25</v>
      </c>
      <c r="K193" s="1" t="s">
        <v>25</v>
      </c>
      <c r="L193" s="1" t="s">
        <v>25</v>
      </c>
      <c r="M193" s="1" t="s">
        <v>24</v>
      </c>
      <c r="N193" s="1" t="s">
        <v>24</v>
      </c>
      <c r="O193" s="1">
        <v>35.383199900000001</v>
      </c>
      <c r="P193" s="1">
        <v>132.75757200000001</v>
      </c>
    </row>
    <row r="194" spans="1:16" ht="20.100000000000001" customHeight="1" x14ac:dyDescent="0.4">
      <c r="A194" s="1" t="s">
        <v>934</v>
      </c>
      <c r="B194" s="1" t="s">
        <v>935</v>
      </c>
      <c r="C194" s="1" t="s">
        <v>936</v>
      </c>
      <c r="D194" s="1" t="s">
        <v>53</v>
      </c>
      <c r="E194" s="1" t="s">
        <v>937</v>
      </c>
      <c r="F194" s="1" t="s">
        <v>99</v>
      </c>
      <c r="G194" s="1" t="s">
        <v>218</v>
      </c>
      <c r="H194" s="1"/>
      <c r="I194" s="1" t="s">
        <v>25</v>
      </c>
      <c r="J194" s="1" t="s">
        <v>24</v>
      </c>
      <c r="K194" s="1" t="s">
        <v>25</v>
      </c>
      <c r="L194" s="1" t="s">
        <v>25</v>
      </c>
      <c r="M194" s="1" t="s">
        <v>24</v>
      </c>
      <c r="N194" s="1" t="s">
        <v>24</v>
      </c>
      <c r="O194" s="1">
        <v>35.433530900000001</v>
      </c>
      <c r="P194" s="1">
        <v>133.2347771</v>
      </c>
    </row>
    <row r="195" spans="1:16" ht="20.100000000000001" customHeight="1" x14ac:dyDescent="0.4">
      <c r="A195" s="1" t="s">
        <v>938</v>
      </c>
      <c r="B195" s="1" t="s">
        <v>935</v>
      </c>
      <c r="C195" s="1" t="s">
        <v>936</v>
      </c>
      <c r="D195" s="1" t="s">
        <v>53</v>
      </c>
      <c r="E195" s="1" t="s">
        <v>939</v>
      </c>
      <c r="F195" s="1" t="s">
        <v>99</v>
      </c>
      <c r="G195" s="1" t="s">
        <v>218</v>
      </c>
      <c r="H195" s="1"/>
      <c r="I195" s="1" t="s">
        <v>25</v>
      </c>
      <c r="J195" s="1" t="s">
        <v>24</v>
      </c>
      <c r="K195" s="1" t="s">
        <v>25</v>
      </c>
      <c r="L195" s="1" t="s">
        <v>25</v>
      </c>
      <c r="M195" s="1" t="s">
        <v>24</v>
      </c>
      <c r="N195" s="1" t="s">
        <v>24</v>
      </c>
      <c r="O195" s="1">
        <v>35.433530900000001</v>
      </c>
      <c r="P195" s="1">
        <v>133.2347771</v>
      </c>
    </row>
    <row r="196" spans="1:16" ht="20.100000000000001" customHeight="1" x14ac:dyDescent="0.4">
      <c r="A196" s="1" t="s">
        <v>940</v>
      </c>
      <c r="B196" s="1" t="s">
        <v>297</v>
      </c>
      <c r="C196" s="1" t="s">
        <v>941</v>
      </c>
      <c r="D196" s="1" t="s">
        <v>19</v>
      </c>
      <c r="E196" s="1" t="s">
        <v>942</v>
      </c>
      <c r="F196" s="1" t="s">
        <v>99</v>
      </c>
      <c r="G196" s="1" t="s">
        <v>218</v>
      </c>
      <c r="H196" s="1"/>
      <c r="I196" s="1" t="s">
        <v>24</v>
      </c>
      <c r="J196" s="1" t="s">
        <v>24</v>
      </c>
      <c r="K196" s="1" t="s">
        <v>25</v>
      </c>
      <c r="L196" s="1" t="s">
        <v>25</v>
      </c>
      <c r="M196" s="1" t="s">
        <v>24</v>
      </c>
      <c r="N196" s="1" t="s">
        <v>24</v>
      </c>
      <c r="O196" s="1">
        <v>35.372233899999998</v>
      </c>
      <c r="P196" s="1">
        <v>132.7359774</v>
      </c>
    </row>
    <row r="197" spans="1:16" ht="20.100000000000001" customHeight="1" x14ac:dyDescent="0.4">
      <c r="A197" s="1" t="s">
        <v>943</v>
      </c>
      <c r="B197" s="1" t="s">
        <v>225</v>
      </c>
      <c r="C197" s="1" t="s">
        <v>944</v>
      </c>
      <c r="D197" s="1" t="s">
        <v>19</v>
      </c>
      <c r="E197" s="1" t="s">
        <v>945</v>
      </c>
      <c r="F197" s="1" t="s">
        <v>21</v>
      </c>
      <c r="G197" s="1" t="s">
        <v>946</v>
      </c>
      <c r="H197" s="1" t="s">
        <v>947</v>
      </c>
      <c r="I197" s="1" t="s">
        <v>24</v>
      </c>
      <c r="J197" s="1" t="s">
        <v>25</v>
      </c>
      <c r="K197" s="1" t="s">
        <v>25</v>
      </c>
      <c r="L197" s="1" t="s">
        <v>25</v>
      </c>
      <c r="M197" s="1" t="s">
        <v>24</v>
      </c>
      <c r="N197" s="1" t="s">
        <v>24</v>
      </c>
      <c r="O197" s="1">
        <v>35.440542200000003</v>
      </c>
      <c r="P197" s="1">
        <v>132.8233711</v>
      </c>
    </row>
    <row r="198" spans="1:16" ht="20.100000000000001" customHeight="1" x14ac:dyDescent="0.4">
      <c r="A198" s="1" t="s">
        <v>948</v>
      </c>
      <c r="B198" s="1" t="s">
        <v>949</v>
      </c>
      <c r="C198" s="1" t="s">
        <v>950</v>
      </c>
      <c r="D198" s="1" t="s">
        <v>47</v>
      </c>
      <c r="E198" s="1" t="s">
        <v>951</v>
      </c>
      <c r="F198" s="1" t="s">
        <v>952</v>
      </c>
      <c r="G198" s="1" t="s">
        <v>953</v>
      </c>
      <c r="H198" s="1" t="s">
        <v>954</v>
      </c>
      <c r="I198" s="1" t="s">
        <v>24</v>
      </c>
      <c r="J198" s="1" t="s">
        <v>25</v>
      </c>
      <c r="K198" s="1" t="s">
        <v>25</v>
      </c>
      <c r="L198" s="1" t="s">
        <v>25</v>
      </c>
      <c r="M198" s="1" t="s">
        <v>24</v>
      </c>
      <c r="N198" s="1" t="s">
        <v>24</v>
      </c>
      <c r="O198" s="1">
        <v>35.187881230000002</v>
      </c>
      <c r="P198" s="1">
        <v>133.01690350000001</v>
      </c>
    </row>
    <row r="199" spans="1:16" ht="20.100000000000001" customHeight="1" x14ac:dyDescent="0.4">
      <c r="A199" s="1" t="s">
        <v>955</v>
      </c>
      <c r="B199" s="1" t="s">
        <v>956</v>
      </c>
      <c r="C199" s="1" t="s">
        <v>957</v>
      </c>
      <c r="D199" s="1" t="s">
        <v>84</v>
      </c>
      <c r="E199" s="1" t="s">
        <v>958</v>
      </c>
      <c r="F199" s="1" t="s">
        <v>99</v>
      </c>
      <c r="G199" s="1" t="s">
        <v>123</v>
      </c>
      <c r="H199" s="1"/>
      <c r="I199" s="1" t="s">
        <v>24</v>
      </c>
      <c r="J199" s="1" t="s">
        <v>25</v>
      </c>
      <c r="K199" s="1" t="s">
        <v>24</v>
      </c>
      <c r="L199" s="1" t="s">
        <v>24</v>
      </c>
      <c r="M199" s="1" t="s">
        <v>24</v>
      </c>
      <c r="N199" s="1" t="s">
        <v>24</v>
      </c>
      <c r="O199" s="1">
        <v>35.090803399999999</v>
      </c>
      <c r="P199" s="1">
        <v>132.3531643</v>
      </c>
    </row>
    <row r="200" spans="1:16" ht="20.100000000000001" customHeight="1" x14ac:dyDescent="0.4">
      <c r="A200" s="1" t="s">
        <v>959</v>
      </c>
      <c r="B200" s="1" t="s">
        <v>135</v>
      </c>
      <c r="C200" s="1" t="s">
        <v>960</v>
      </c>
      <c r="D200" s="1" t="s">
        <v>84</v>
      </c>
      <c r="E200" s="1" t="s">
        <v>961</v>
      </c>
      <c r="F200" s="1" t="s">
        <v>962</v>
      </c>
      <c r="G200" s="1" t="s">
        <v>123</v>
      </c>
      <c r="H200" s="1"/>
      <c r="I200" s="1" t="s">
        <v>24</v>
      </c>
      <c r="J200" s="1" t="s">
        <v>25</v>
      </c>
      <c r="K200" s="1" t="s">
        <v>24</v>
      </c>
      <c r="L200" s="1" t="s">
        <v>24</v>
      </c>
      <c r="M200" s="1" t="s">
        <v>24</v>
      </c>
      <c r="N200" s="1" t="s">
        <v>24</v>
      </c>
      <c r="O200" s="1">
        <v>35.1490863</v>
      </c>
      <c r="P200" s="1">
        <v>132.40643900000001</v>
      </c>
    </row>
    <row r="201" spans="1:16" ht="20.100000000000001" customHeight="1" x14ac:dyDescent="0.4">
      <c r="A201" s="1" t="s">
        <v>963</v>
      </c>
      <c r="B201" s="1" t="s">
        <v>964</v>
      </c>
      <c r="C201" s="1" t="s">
        <v>965</v>
      </c>
      <c r="D201" s="1" t="s">
        <v>84</v>
      </c>
      <c r="E201" s="1" t="s">
        <v>966</v>
      </c>
      <c r="F201" s="1" t="s">
        <v>355</v>
      </c>
      <c r="G201" s="1" t="s">
        <v>967</v>
      </c>
      <c r="H201" s="1"/>
      <c r="I201" s="1" t="s">
        <v>24</v>
      </c>
      <c r="J201" s="1" t="s">
        <v>25</v>
      </c>
      <c r="K201" s="1" t="s">
        <v>24</v>
      </c>
      <c r="L201" s="1" t="s">
        <v>24</v>
      </c>
      <c r="M201" s="1" t="s">
        <v>24</v>
      </c>
      <c r="N201" s="1" t="s">
        <v>24</v>
      </c>
      <c r="O201" s="1">
        <v>35.180365999999999</v>
      </c>
      <c r="P201" s="1">
        <v>132.5036983</v>
      </c>
    </row>
    <row r="202" spans="1:16" ht="20.100000000000001" customHeight="1" x14ac:dyDescent="0.4">
      <c r="A202" s="1" t="s">
        <v>968</v>
      </c>
      <c r="B202" s="1" t="s">
        <v>405</v>
      </c>
      <c r="C202" s="1" t="s">
        <v>969</v>
      </c>
      <c r="D202" s="1" t="s">
        <v>53</v>
      </c>
      <c r="E202" s="1" t="s">
        <v>970</v>
      </c>
      <c r="F202" s="1" t="s">
        <v>467</v>
      </c>
      <c r="G202" s="1" t="s">
        <v>971</v>
      </c>
      <c r="H202" s="1" t="s">
        <v>972</v>
      </c>
      <c r="I202" s="1" t="s">
        <v>24</v>
      </c>
      <c r="J202" s="1" t="s">
        <v>25</v>
      </c>
      <c r="K202" s="1" t="s">
        <v>24</v>
      </c>
      <c r="L202" s="1" t="s">
        <v>25</v>
      </c>
      <c r="M202" s="1" t="s">
        <v>24</v>
      </c>
      <c r="N202" s="1" t="s">
        <v>24</v>
      </c>
      <c r="O202" s="1">
        <v>35.445384799999999</v>
      </c>
      <c r="P202" s="1">
        <v>133.0671715</v>
      </c>
    </row>
    <row r="203" spans="1:16" ht="20.100000000000001" customHeight="1" x14ac:dyDescent="0.4">
      <c r="A203" s="1" t="s">
        <v>973</v>
      </c>
      <c r="B203" s="1" t="s">
        <v>172</v>
      </c>
      <c r="C203" s="1" t="s">
        <v>974</v>
      </c>
      <c r="D203" s="1" t="s">
        <v>53</v>
      </c>
      <c r="E203" s="1" t="s">
        <v>975</v>
      </c>
      <c r="F203" s="1" t="s">
        <v>429</v>
      </c>
      <c r="G203" s="1" t="s">
        <v>976</v>
      </c>
      <c r="H203" s="1" t="s">
        <v>972</v>
      </c>
      <c r="I203" s="1" t="s">
        <v>24</v>
      </c>
      <c r="J203" s="1" t="s">
        <v>24</v>
      </c>
      <c r="K203" s="1" t="s">
        <v>24</v>
      </c>
      <c r="L203" s="1" t="s">
        <v>25</v>
      </c>
      <c r="M203" s="1" t="s">
        <v>24</v>
      </c>
      <c r="N203" s="1" t="s">
        <v>24</v>
      </c>
      <c r="O203" s="1">
        <v>35.454614599999999</v>
      </c>
      <c r="P203" s="1">
        <v>133.08142559999999</v>
      </c>
    </row>
    <row r="204" spans="1:16" ht="20.100000000000001" customHeight="1" x14ac:dyDescent="0.4">
      <c r="A204" s="1" t="s">
        <v>977</v>
      </c>
      <c r="B204" s="1" t="s">
        <v>978</v>
      </c>
      <c r="C204" s="1" t="s">
        <v>979</v>
      </c>
      <c r="D204" s="1" t="s">
        <v>35</v>
      </c>
      <c r="E204" s="1" t="s">
        <v>980</v>
      </c>
      <c r="F204" s="1" t="s">
        <v>429</v>
      </c>
      <c r="G204" s="1" t="s">
        <v>627</v>
      </c>
      <c r="H204" s="1"/>
      <c r="I204" s="1" t="s">
        <v>24</v>
      </c>
      <c r="J204" s="1" t="s">
        <v>24</v>
      </c>
      <c r="K204" s="1" t="s">
        <v>25</v>
      </c>
      <c r="L204" s="1" t="s">
        <v>25</v>
      </c>
      <c r="M204" s="1" t="s">
        <v>24</v>
      </c>
      <c r="N204" s="1" t="s">
        <v>24</v>
      </c>
      <c r="O204" s="1">
        <v>34.688310600000001</v>
      </c>
      <c r="P204" s="1">
        <v>131.85940780000001</v>
      </c>
    </row>
    <row r="205" spans="1:16" ht="20.100000000000001" customHeight="1" x14ac:dyDescent="0.4">
      <c r="A205" s="1" t="s">
        <v>981</v>
      </c>
      <c r="B205" s="1" t="s">
        <v>982</v>
      </c>
      <c r="C205" s="1" t="s">
        <v>983</v>
      </c>
      <c r="D205" s="1" t="s">
        <v>53</v>
      </c>
      <c r="E205" s="1" t="s">
        <v>984</v>
      </c>
      <c r="F205" s="1" t="s">
        <v>429</v>
      </c>
      <c r="G205" s="1" t="s">
        <v>985</v>
      </c>
      <c r="H205" s="1"/>
      <c r="I205" s="1" t="s">
        <v>25</v>
      </c>
      <c r="J205" s="1" t="s">
        <v>24</v>
      </c>
      <c r="K205" s="1" t="s">
        <v>25</v>
      </c>
      <c r="L205" s="1" t="s">
        <v>25</v>
      </c>
      <c r="M205" s="1" t="s">
        <v>24</v>
      </c>
      <c r="N205" s="1" t="s">
        <v>24</v>
      </c>
      <c r="O205" s="1">
        <v>35.447778999999997</v>
      </c>
      <c r="P205" s="1">
        <v>133.0679658</v>
      </c>
    </row>
    <row r="206" spans="1:16" ht="20.100000000000001" customHeight="1" x14ac:dyDescent="0.4">
      <c r="A206" s="1" t="s">
        <v>986</v>
      </c>
      <c r="B206" s="1" t="s">
        <v>405</v>
      </c>
      <c r="C206" s="1" t="s">
        <v>987</v>
      </c>
      <c r="D206" s="1" t="s">
        <v>53</v>
      </c>
      <c r="E206" s="1" t="s">
        <v>988</v>
      </c>
      <c r="F206" s="1" t="s">
        <v>429</v>
      </c>
      <c r="G206" s="1" t="s">
        <v>989</v>
      </c>
      <c r="H206" s="1"/>
      <c r="I206" s="1" t="s">
        <v>25</v>
      </c>
      <c r="J206" s="1" t="s">
        <v>24</v>
      </c>
      <c r="K206" s="1" t="s">
        <v>25</v>
      </c>
      <c r="L206" s="1" t="s">
        <v>25</v>
      </c>
      <c r="M206" s="1" t="s">
        <v>24</v>
      </c>
      <c r="N206" s="1" t="s">
        <v>24</v>
      </c>
      <c r="O206" s="1">
        <v>35.447778999999997</v>
      </c>
      <c r="P206" s="1">
        <v>133.0679658</v>
      </c>
    </row>
    <row r="207" spans="1:16" ht="20.100000000000001" customHeight="1" x14ac:dyDescent="0.4">
      <c r="A207" s="1" t="s">
        <v>990</v>
      </c>
      <c r="B207" s="1" t="s">
        <v>991</v>
      </c>
      <c r="C207" s="1" t="s">
        <v>992</v>
      </c>
      <c r="D207" s="1" t="s">
        <v>84</v>
      </c>
      <c r="E207" s="1" t="s">
        <v>984</v>
      </c>
      <c r="F207" s="1" t="s">
        <v>429</v>
      </c>
      <c r="G207" s="1" t="s">
        <v>601</v>
      </c>
      <c r="H207" s="1"/>
      <c r="I207" s="1" t="s">
        <v>25</v>
      </c>
      <c r="J207" s="1" t="s">
        <v>24</v>
      </c>
      <c r="K207" s="1" t="s">
        <v>25</v>
      </c>
      <c r="L207" s="1" t="s">
        <v>25</v>
      </c>
      <c r="M207" s="1" t="s">
        <v>24</v>
      </c>
      <c r="N207" s="1" t="s">
        <v>24</v>
      </c>
      <c r="O207" s="1">
        <v>35.197597100000003</v>
      </c>
      <c r="P207" s="1">
        <v>132.48098089999999</v>
      </c>
    </row>
    <row r="208" spans="1:16" ht="20.100000000000001" customHeight="1" x14ac:dyDescent="0.4">
      <c r="A208" s="1" t="s">
        <v>993</v>
      </c>
      <c r="B208" s="1" t="s">
        <v>476</v>
      </c>
      <c r="C208" s="1" t="s">
        <v>994</v>
      </c>
      <c r="D208" s="1" t="s">
        <v>19</v>
      </c>
      <c r="E208" s="1" t="s">
        <v>995</v>
      </c>
      <c r="F208" s="1" t="s">
        <v>429</v>
      </c>
      <c r="G208" s="1" t="s">
        <v>163</v>
      </c>
      <c r="H208" s="1"/>
      <c r="I208" s="1" t="s">
        <v>24</v>
      </c>
      <c r="J208" s="1" t="s">
        <v>24</v>
      </c>
      <c r="K208" s="1" t="s">
        <v>25</v>
      </c>
      <c r="L208" s="1" t="s">
        <v>25</v>
      </c>
      <c r="M208" s="1" t="s">
        <v>24</v>
      </c>
      <c r="N208" s="1" t="s">
        <v>24</v>
      </c>
      <c r="O208" s="1">
        <v>35.392358199999997</v>
      </c>
      <c r="P208" s="1">
        <v>132.8322283</v>
      </c>
    </row>
    <row r="209" spans="1:16" ht="20.100000000000001" customHeight="1" x14ac:dyDescent="0.4">
      <c r="A209" s="1" t="s">
        <v>996</v>
      </c>
      <c r="B209" s="1" t="s">
        <v>461</v>
      </c>
      <c r="C209" s="1" t="s">
        <v>997</v>
      </c>
      <c r="D209" s="1" t="s">
        <v>53</v>
      </c>
      <c r="E209" s="1" t="s">
        <v>998</v>
      </c>
      <c r="F209" s="1"/>
      <c r="G209" s="1" t="s">
        <v>31</v>
      </c>
      <c r="H209" s="1"/>
      <c r="I209" s="1" t="s">
        <v>24</v>
      </c>
      <c r="J209" s="1" t="s">
        <v>24</v>
      </c>
      <c r="K209" s="1" t="s">
        <v>25</v>
      </c>
      <c r="L209" s="1" t="s">
        <v>25</v>
      </c>
      <c r="M209" s="1" t="s">
        <v>24</v>
      </c>
      <c r="N209" s="1" t="s">
        <v>24</v>
      </c>
      <c r="O209" s="1">
        <v>35.446876199999998</v>
      </c>
      <c r="P209" s="1">
        <v>133.06106629999999</v>
      </c>
    </row>
    <row r="210" spans="1:16" ht="20.100000000000001" customHeight="1" x14ac:dyDescent="0.4">
      <c r="A210" s="1" t="s">
        <v>999</v>
      </c>
      <c r="B210" s="1" t="s">
        <v>461</v>
      </c>
      <c r="C210" s="1" t="s">
        <v>1000</v>
      </c>
      <c r="D210" s="1" t="s">
        <v>53</v>
      </c>
      <c r="E210" s="1" t="s">
        <v>1001</v>
      </c>
      <c r="F210" s="1"/>
      <c r="G210" s="1" t="s">
        <v>31</v>
      </c>
      <c r="H210" s="1"/>
      <c r="I210" s="1" t="s">
        <v>25</v>
      </c>
      <c r="J210" s="1" t="s">
        <v>24</v>
      </c>
      <c r="K210" s="1" t="s">
        <v>25</v>
      </c>
      <c r="L210" s="1" t="s">
        <v>25</v>
      </c>
      <c r="M210" s="1" t="s">
        <v>24</v>
      </c>
      <c r="N210" s="1" t="s">
        <v>24</v>
      </c>
      <c r="O210" s="1">
        <v>35.485568399999998</v>
      </c>
      <c r="P210" s="1">
        <v>133.04253610000001</v>
      </c>
    </row>
    <row r="211" spans="1:16" ht="20.100000000000001" customHeight="1" x14ac:dyDescent="0.4">
      <c r="A211" s="1" t="s">
        <v>1002</v>
      </c>
      <c r="B211" s="1" t="s">
        <v>316</v>
      </c>
      <c r="C211" s="1" t="s">
        <v>1003</v>
      </c>
      <c r="D211" s="1" t="s">
        <v>53</v>
      </c>
      <c r="E211" s="1" t="s">
        <v>1004</v>
      </c>
      <c r="F211" s="1"/>
      <c r="G211" s="1" t="s">
        <v>31</v>
      </c>
      <c r="H211" s="1"/>
      <c r="I211" s="1" t="s">
        <v>25</v>
      </c>
      <c r="J211" s="1" t="s">
        <v>24</v>
      </c>
      <c r="K211" s="1" t="s">
        <v>25</v>
      </c>
      <c r="L211" s="1" t="s">
        <v>25</v>
      </c>
      <c r="M211" s="1" t="s">
        <v>24</v>
      </c>
      <c r="N211" s="1" t="s">
        <v>24</v>
      </c>
      <c r="O211" s="1">
        <v>35.474326300000001</v>
      </c>
      <c r="P211" s="1">
        <v>133.0770861</v>
      </c>
    </row>
    <row r="212" spans="1:16" ht="20.100000000000001" customHeight="1" x14ac:dyDescent="0.4">
      <c r="A212" s="1" t="s">
        <v>1005</v>
      </c>
      <c r="B212" s="1" t="s">
        <v>316</v>
      </c>
      <c r="C212" s="1" t="s">
        <v>1003</v>
      </c>
      <c r="D212" s="1" t="s">
        <v>53</v>
      </c>
      <c r="E212" s="1" t="s">
        <v>1006</v>
      </c>
      <c r="F212" s="1"/>
      <c r="G212" s="1" t="s">
        <v>811</v>
      </c>
      <c r="H212" s="1"/>
      <c r="I212" s="1" t="s">
        <v>25</v>
      </c>
      <c r="J212" s="1" t="s">
        <v>24</v>
      </c>
      <c r="K212" s="1" t="s">
        <v>25</v>
      </c>
      <c r="L212" s="1" t="s">
        <v>25</v>
      </c>
      <c r="M212" s="1" t="s">
        <v>24</v>
      </c>
      <c r="N212" s="1" t="s">
        <v>24</v>
      </c>
      <c r="O212" s="1">
        <v>35.474326300000001</v>
      </c>
      <c r="P212" s="1">
        <v>133.0770861</v>
      </c>
    </row>
    <row r="213" spans="1:16" ht="20.100000000000001" customHeight="1" x14ac:dyDescent="0.4">
      <c r="A213" s="1" t="s">
        <v>1007</v>
      </c>
      <c r="B213" s="1" t="s">
        <v>405</v>
      </c>
      <c r="C213" s="1" t="s">
        <v>1008</v>
      </c>
      <c r="D213" s="1" t="s">
        <v>53</v>
      </c>
      <c r="E213" s="1" t="s">
        <v>1009</v>
      </c>
      <c r="F213" s="1"/>
      <c r="G213" s="1" t="s">
        <v>686</v>
      </c>
      <c r="H213" s="1"/>
      <c r="I213" s="1" t="s">
        <v>24</v>
      </c>
      <c r="J213" s="1" t="s">
        <v>24</v>
      </c>
      <c r="K213" s="1" t="s">
        <v>25</v>
      </c>
      <c r="L213" s="1" t="s">
        <v>25</v>
      </c>
      <c r="M213" s="1" t="s">
        <v>24</v>
      </c>
      <c r="N213" s="1" t="s">
        <v>24</v>
      </c>
      <c r="O213" s="1">
        <v>35.437691000000001</v>
      </c>
      <c r="P213" s="1">
        <v>133.0493816</v>
      </c>
    </row>
    <row r="214" spans="1:16" ht="20.100000000000001" customHeight="1" x14ac:dyDescent="0.4">
      <c r="A214" s="1" t="s">
        <v>1010</v>
      </c>
      <c r="B214" s="1" t="s">
        <v>311</v>
      </c>
      <c r="C214" s="1" t="s">
        <v>1011</v>
      </c>
      <c r="D214" s="1" t="s">
        <v>53</v>
      </c>
      <c r="E214" s="1" t="s">
        <v>1012</v>
      </c>
      <c r="F214" s="1"/>
      <c r="G214" s="1" t="s">
        <v>686</v>
      </c>
      <c r="H214" s="1"/>
      <c r="I214" s="1" t="s">
        <v>25</v>
      </c>
      <c r="J214" s="1" t="s">
        <v>24</v>
      </c>
      <c r="K214" s="1" t="s">
        <v>25</v>
      </c>
      <c r="L214" s="1" t="s">
        <v>25</v>
      </c>
      <c r="M214" s="1" t="s">
        <v>24</v>
      </c>
      <c r="N214" s="1" t="s">
        <v>24</v>
      </c>
      <c r="O214" s="1">
        <v>35.481158600000001</v>
      </c>
      <c r="P214" s="1">
        <v>133.06919479999999</v>
      </c>
    </row>
    <row r="215" spans="1:16" ht="20.100000000000001" customHeight="1" x14ac:dyDescent="0.4">
      <c r="A215" s="1" t="s">
        <v>1013</v>
      </c>
      <c r="B215" s="1" t="s">
        <v>978</v>
      </c>
      <c r="C215" s="1" t="s">
        <v>1014</v>
      </c>
      <c r="D215" s="1" t="s">
        <v>35</v>
      </c>
      <c r="E215" s="1" t="s">
        <v>980</v>
      </c>
      <c r="F215" s="1" t="s">
        <v>429</v>
      </c>
      <c r="G215" s="1" t="s">
        <v>627</v>
      </c>
      <c r="H215" s="1"/>
      <c r="I215" s="1" t="s">
        <v>24</v>
      </c>
      <c r="J215" s="1" t="s">
        <v>24</v>
      </c>
      <c r="K215" s="1" t="s">
        <v>25</v>
      </c>
      <c r="L215" s="1" t="s">
        <v>25</v>
      </c>
      <c r="M215" s="1" t="s">
        <v>24</v>
      </c>
      <c r="N215" s="1" t="s">
        <v>24</v>
      </c>
      <c r="O215" s="1">
        <v>34.680913799999999</v>
      </c>
      <c r="P215" s="1">
        <v>131.84567279999999</v>
      </c>
    </row>
    <row r="216" spans="1:16" ht="20.100000000000001" customHeight="1" x14ac:dyDescent="0.4">
      <c r="A216" s="1" t="s">
        <v>1015</v>
      </c>
      <c r="B216" s="1" t="s">
        <v>1016</v>
      </c>
      <c r="C216" s="1" t="s">
        <v>1017</v>
      </c>
      <c r="D216" s="1" t="s">
        <v>53</v>
      </c>
      <c r="E216" s="1" t="s">
        <v>1018</v>
      </c>
      <c r="F216" s="1" t="s">
        <v>181</v>
      </c>
      <c r="G216" s="1"/>
      <c r="H216" s="1" t="s">
        <v>1019</v>
      </c>
      <c r="I216" s="1" t="s">
        <v>24</v>
      </c>
      <c r="J216" s="1" t="s">
        <v>24</v>
      </c>
      <c r="K216" s="1" t="s">
        <v>25</v>
      </c>
      <c r="L216" s="1" t="s">
        <v>25</v>
      </c>
      <c r="M216" s="1" t="s">
        <v>24</v>
      </c>
      <c r="N216" s="1" t="s">
        <v>24</v>
      </c>
      <c r="O216" s="1">
        <v>35.465831899999998</v>
      </c>
      <c r="P216" s="1">
        <v>133.04368389999999</v>
      </c>
    </row>
    <row r="217" spans="1:16" ht="20.100000000000001" customHeight="1" x14ac:dyDescent="0.4">
      <c r="A217" s="1" t="s">
        <v>1020</v>
      </c>
      <c r="B217" s="1" t="s">
        <v>311</v>
      </c>
      <c r="C217" s="1" t="s">
        <v>1021</v>
      </c>
      <c r="D217" s="1" t="s">
        <v>53</v>
      </c>
      <c r="E217" s="1" t="s">
        <v>1022</v>
      </c>
      <c r="F217" s="1"/>
      <c r="G217" s="1"/>
      <c r="H217" s="1" t="s">
        <v>1023</v>
      </c>
      <c r="I217" s="1" t="s">
        <v>25</v>
      </c>
      <c r="J217" s="1" t="s">
        <v>24</v>
      </c>
      <c r="K217" s="1" t="s">
        <v>25</v>
      </c>
      <c r="L217" s="1" t="s">
        <v>25</v>
      </c>
      <c r="M217" s="1" t="s">
        <v>24</v>
      </c>
      <c r="N217" s="1" t="s">
        <v>25</v>
      </c>
      <c r="O217" s="1">
        <v>35.482330699999999</v>
      </c>
      <c r="P217" s="1">
        <v>133.0694809</v>
      </c>
    </row>
    <row r="218" spans="1:16" ht="20.100000000000001" customHeight="1" x14ac:dyDescent="0.4">
      <c r="A218" s="1" t="s">
        <v>1024</v>
      </c>
      <c r="B218" s="1" t="s">
        <v>949</v>
      </c>
      <c r="C218" s="1" t="s">
        <v>1025</v>
      </c>
      <c r="D218" s="1" t="s">
        <v>47</v>
      </c>
      <c r="E218" s="1" t="s">
        <v>1026</v>
      </c>
      <c r="F218" s="1" t="s">
        <v>282</v>
      </c>
      <c r="G218" s="1" t="s">
        <v>1027</v>
      </c>
      <c r="H218" s="1"/>
      <c r="I218" s="1" t="s">
        <v>25</v>
      </c>
      <c r="J218" s="1" t="s">
        <v>24</v>
      </c>
      <c r="K218" s="1" t="s">
        <v>25</v>
      </c>
      <c r="L218" s="1" t="s">
        <v>25</v>
      </c>
      <c r="M218" s="1" t="s">
        <v>24</v>
      </c>
      <c r="N218" s="1" t="s">
        <v>25</v>
      </c>
      <c r="O218" s="1">
        <v>35.198004500000003</v>
      </c>
      <c r="P218" s="1">
        <v>133.0023262</v>
      </c>
    </row>
    <row r="219" spans="1:16" ht="20.100000000000001" customHeight="1" x14ac:dyDescent="0.4">
      <c r="A219" s="1" t="s">
        <v>1028</v>
      </c>
      <c r="B219" s="1" t="s">
        <v>1029</v>
      </c>
      <c r="C219" s="1" t="s">
        <v>1030</v>
      </c>
      <c r="D219" s="1" t="s">
        <v>53</v>
      </c>
      <c r="E219" s="1" t="s">
        <v>1031</v>
      </c>
      <c r="F219" s="1" t="s">
        <v>211</v>
      </c>
      <c r="G219" s="1" t="s">
        <v>62</v>
      </c>
      <c r="H219" s="1" t="s">
        <v>1032</v>
      </c>
      <c r="I219" s="1" t="s">
        <v>24</v>
      </c>
      <c r="J219" s="1" t="s">
        <v>24</v>
      </c>
      <c r="K219" s="1" t="s">
        <v>24</v>
      </c>
      <c r="L219" s="1" t="s">
        <v>24</v>
      </c>
      <c r="M219" s="1" t="s">
        <v>24</v>
      </c>
      <c r="N219" s="1" t="s">
        <v>24</v>
      </c>
      <c r="O219" s="1">
        <v>35.490580540000003</v>
      </c>
      <c r="P219" s="1">
        <v>133.17611550000001</v>
      </c>
    </row>
    <row r="220" spans="1:16" ht="20.100000000000001" customHeight="1" x14ac:dyDescent="0.4">
      <c r="A220" s="1" t="s">
        <v>1033</v>
      </c>
      <c r="B220" s="1" t="s">
        <v>1034</v>
      </c>
      <c r="C220" s="1" t="s">
        <v>1035</v>
      </c>
      <c r="D220" s="1" t="s">
        <v>53</v>
      </c>
      <c r="E220" s="1" t="s">
        <v>1036</v>
      </c>
      <c r="F220" s="1" t="s">
        <v>1037</v>
      </c>
      <c r="G220" s="1" t="s">
        <v>156</v>
      </c>
      <c r="H220" s="1"/>
      <c r="I220" s="1" t="s">
        <v>24</v>
      </c>
      <c r="J220" s="1" t="s">
        <v>25</v>
      </c>
      <c r="K220" s="1" t="s">
        <v>24</v>
      </c>
      <c r="L220" s="1" t="s">
        <v>24</v>
      </c>
      <c r="M220" s="1" t="s">
        <v>24</v>
      </c>
      <c r="N220" s="1" t="s">
        <v>24</v>
      </c>
      <c r="O220" s="1">
        <v>35.445723800000003</v>
      </c>
      <c r="P220" s="1">
        <v>133.0843759</v>
      </c>
    </row>
    <row r="221" spans="1:16" ht="20.100000000000001" customHeight="1" x14ac:dyDescent="0.4">
      <c r="A221" s="1" t="s">
        <v>1038</v>
      </c>
      <c r="B221" s="1" t="s">
        <v>651</v>
      </c>
      <c r="C221" s="1" t="s">
        <v>1039</v>
      </c>
      <c r="D221" s="1" t="s">
        <v>47</v>
      </c>
      <c r="E221" s="1" t="s">
        <v>1040</v>
      </c>
      <c r="F221" s="1" t="s">
        <v>1037</v>
      </c>
      <c r="G221" s="1" t="s">
        <v>156</v>
      </c>
      <c r="H221" s="1"/>
      <c r="I221" s="1" t="s">
        <v>24</v>
      </c>
      <c r="J221" s="1" t="s">
        <v>25</v>
      </c>
      <c r="K221" s="1" t="s">
        <v>24</v>
      </c>
      <c r="L221" s="1" t="s">
        <v>24</v>
      </c>
      <c r="M221" s="1" t="s">
        <v>24</v>
      </c>
      <c r="N221" s="1" t="s">
        <v>24</v>
      </c>
      <c r="O221" s="1">
        <v>35.299557299999996</v>
      </c>
      <c r="P221" s="1">
        <v>132.89184510000001</v>
      </c>
    </row>
    <row r="222" spans="1:16" ht="20.100000000000001" customHeight="1" x14ac:dyDescent="0.4">
      <c r="A222" s="1" t="s">
        <v>1041</v>
      </c>
      <c r="B222" s="1" t="s">
        <v>931</v>
      </c>
      <c r="C222" s="1" t="s">
        <v>1042</v>
      </c>
      <c r="D222" s="1" t="s">
        <v>19</v>
      </c>
      <c r="E222" s="1" t="s">
        <v>1043</v>
      </c>
      <c r="F222" s="1" t="s">
        <v>99</v>
      </c>
      <c r="G222" s="1" t="s">
        <v>283</v>
      </c>
      <c r="H222" s="1"/>
      <c r="I222" s="1" t="s">
        <v>25</v>
      </c>
      <c r="J222" s="1" t="s">
        <v>24</v>
      </c>
      <c r="K222" s="1" t="s">
        <v>25</v>
      </c>
      <c r="L222" s="1" t="s">
        <v>25</v>
      </c>
      <c r="M222" s="1" t="s">
        <v>24</v>
      </c>
      <c r="N222" s="1" t="s">
        <v>24</v>
      </c>
      <c r="O222" s="1">
        <v>35.383008199999999</v>
      </c>
      <c r="P222" s="1">
        <v>132.75712200000001</v>
      </c>
    </row>
    <row r="223" spans="1:16" ht="20.100000000000001" customHeight="1" x14ac:dyDescent="0.4">
      <c r="A223" s="1" t="s">
        <v>1044</v>
      </c>
      <c r="B223" s="1" t="s">
        <v>1045</v>
      </c>
      <c r="C223" s="1" t="s">
        <v>1046</v>
      </c>
      <c r="D223" s="1" t="s">
        <v>53</v>
      </c>
      <c r="E223" s="1" t="s">
        <v>1047</v>
      </c>
      <c r="F223" s="1" t="s">
        <v>339</v>
      </c>
      <c r="G223" s="1" t="s">
        <v>627</v>
      </c>
      <c r="H223" s="1" t="s">
        <v>1048</v>
      </c>
      <c r="I223" s="1" t="s">
        <v>24</v>
      </c>
      <c r="J223" s="1" t="s">
        <v>24</v>
      </c>
      <c r="K223" s="1" t="s">
        <v>25</v>
      </c>
      <c r="L223" s="1" t="s">
        <v>25</v>
      </c>
      <c r="M223" s="1" t="s">
        <v>24</v>
      </c>
      <c r="N223" s="1" t="s">
        <v>24</v>
      </c>
      <c r="O223" s="1">
        <v>35.5627244</v>
      </c>
      <c r="P223" s="1">
        <v>133.30784980000001</v>
      </c>
    </row>
    <row r="224" spans="1:16" ht="20.100000000000001" customHeight="1" x14ac:dyDescent="0.4">
      <c r="A224" s="1" t="s">
        <v>1049</v>
      </c>
      <c r="B224" s="1" t="s">
        <v>165</v>
      </c>
      <c r="C224" s="1" t="s">
        <v>1050</v>
      </c>
      <c r="D224" s="1" t="s">
        <v>53</v>
      </c>
      <c r="E224" s="1" t="s">
        <v>1051</v>
      </c>
      <c r="F224" s="1" t="s">
        <v>99</v>
      </c>
      <c r="G224" s="1" t="s">
        <v>1052</v>
      </c>
      <c r="H224" s="1" t="s">
        <v>1053</v>
      </c>
      <c r="I224" s="1" t="s">
        <v>24</v>
      </c>
      <c r="J224" s="1" t="s">
        <v>25</v>
      </c>
      <c r="K224" s="1" t="s">
        <v>24</v>
      </c>
      <c r="L224" s="1" t="s">
        <v>25</v>
      </c>
      <c r="M224" s="1" t="s">
        <v>24</v>
      </c>
      <c r="N224" s="1" t="s">
        <v>24</v>
      </c>
      <c r="O224" s="1">
        <v>35.4543289</v>
      </c>
      <c r="P224" s="1">
        <v>133.0944188</v>
      </c>
    </row>
    <row r="225" spans="1:16" ht="20.100000000000001" customHeight="1" x14ac:dyDescent="0.4">
      <c r="A225" s="1" t="s">
        <v>1054</v>
      </c>
      <c r="B225" s="1" t="s">
        <v>799</v>
      </c>
      <c r="C225" s="1" t="s">
        <v>1055</v>
      </c>
      <c r="D225" s="1" t="s">
        <v>53</v>
      </c>
      <c r="E225" s="1" t="s">
        <v>1056</v>
      </c>
      <c r="F225" s="1" t="s">
        <v>21</v>
      </c>
      <c r="G225" s="1" t="s">
        <v>1052</v>
      </c>
      <c r="H225" s="1" t="s">
        <v>1057</v>
      </c>
      <c r="I225" s="1" t="s">
        <v>24</v>
      </c>
      <c r="J225" s="1" t="s">
        <v>25</v>
      </c>
      <c r="K225" s="1" t="s">
        <v>25</v>
      </c>
      <c r="L225" s="1" t="s">
        <v>25</v>
      </c>
      <c r="M225" s="1" t="s">
        <v>24</v>
      </c>
      <c r="N225" s="1" t="s">
        <v>24</v>
      </c>
      <c r="O225" s="1">
        <v>35.4199445</v>
      </c>
      <c r="P225" s="1">
        <v>133.0087225</v>
      </c>
    </row>
    <row r="226" spans="1:16" ht="20.100000000000001" customHeight="1" x14ac:dyDescent="0.4">
      <c r="A226" s="1" t="s">
        <v>1058</v>
      </c>
      <c r="B226" s="1" t="s">
        <v>799</v>
      </c>
      <c r="C226" s="1" t="s">
        <v>1059</v>
      </c>
      <c r="D226" s="1" t="s">
        <v>53</v>
      </c>
      <c r="E226" s="1" t="s">
        <v>1060</v>
      </c>
      <c r="F226" s="1" t="s">
        <v>429</v>
      </c>
      <c r="G226" s="1" t="s">
        <v>1061</v>
      </c>
      <c r="H226" s="1" t="s">
        <v>1062</v>
      </c>
      <c r="I226" s="1" t="s">
        <v>24</v>
      </c>
      <c r="J226" s="1" t="s">
        <v>24</v>
      </c>
      <c r="K226" s="1" t="s">
        <v>25</v>
      </c>
      <c r="L226" s="1" t="s">
        <v>25</v>
      </c>
      <c r="M226" s="1" t="s">
        <v>24</v>
      </c>
      <c r="N226" s="1" t="s">
        <v>24</v>
      </c>
      <c r="O226" s="1">
        <v>35.417972399999996</v>
      </c>
      <c r="P226" s="1">
        <v>133.00831700000001</v>
      </c>
    </row>
    <row r="227" spans="1:16" ht="20.100000000000001" customHeight="1" x14ac:dyDescent="0.4">
      <c r="A227" s="1" t="s">
        <v>1063</v>
      </c>
      <c r="B227" s="1" t="s">
        <v>172</v>
      </c>
      <c r="C227" s="1" t="s">
        <v>1064</v>
      </c>
      <c r="D227" s="1" t="s">
        <v>53</v>
      </c>
      <c r="E227" s="1" t="s">
        <v>1065</v>
      </c>
      <c r="F227" s="1"/>
      <c r="G227" s="1" t="s">
        <v>690</v>
      </c>
      <c r="H227" s="1"/>
      <c r="I227" s="1" t="s">
        <v>25</v>
      </c>
      <c r="J227" s="1" t="s">
        <v>24</v>
      </c>
      <c r="K227" s="1" t="s">
        <v>25</v>
      </c>
      <c r="L227" s="1" t="s">
        <v>25</v>
      </c>
      <c r="M227" s="1" t="s">
        <v>24</v>
      </c>
      <c r="N227" s="1" t="s">
        <v>24</v>
      </c>
      <c r="O227" s="1">
        <v>35.456553</v>
      </c>
      <c r="P227" s="1">
        <v>133.06715990000001</v>
      </c>
    </row>
    <row r="228" spans="1:16" ht="20.100000000000001" customHeight="1" x14ac:dyDescent="0.4">
      <c r="A228" s="1" t="s">
        <v>1066</v>
      </c>
      <c r="B228" s="1" t="s">
        <v>1034</v>
      </c>
      <c r="C228" s="1" t="s">
        <v>1067</v>
      </c>
      <c r="D228" s="1" t="s">
        <v>53</v>
      </c>
      <c r="E228" s="1" t="s">
        <v>1068</v>
      </c>
      <c r="F228" s="1"/>
      <c r="G228" s="1" t="s">
        <v>690</v>
      </c>
      <c r="H228" s="1"/>
      <c r="I228" s="1" t="s">
        <v>25</v>
      </c>
      <c r="J228" s="1" t="s">
        <v>24</v>
      </c>
      <c r="K228" s="1" t="s">
        <v>25</v>
      </c>
      <c r="L228" s="1" t="s">
        <v>25</v>
      </c>
      <c r="M228" s="1" t="s">
        <v>24</v>
      </c>
      <c r="N228" s="1" t="s">
        <v>24</v>
      </c>
      <c r="O228" s="1">
        <v>35.450495500000002</v>
      </c>
      <c r="P228" s="1">
        <v>133.08375340000001</v>
      </c>
    </row>
    <row r="229" spans="1:16" ht="20.100000000000001" customHeight="1" x14ac:dyDescent="0.4">
      <c r="A229" s="1" t="s">
        <v>1069</v>
      </c>
      <c r="B229" s="1" t="s">
        <v>421</v>
      </c>
      <c r="C229" s="1" t="s">
        <v>1070</v>
      </c>
      <c r="D229" s="1" t="s">
        <v>84</v>
      </c>
      <c r="E229" s="1" t="s">
        <v>1071</v>
      </c>
      <c r="F229" s="1"/>
      <c r="G229" s="1" t="s">
        <v>93</v>
      </c>
      <c r="H229" s="1"/>
      <c r="I229" s="1" t="s">
        <v>25</v>
      </c>
      <c r="J229" s="1" t="s">
        <v>24</v>
      </c>
      <c r="K229" s="1" t="s">
        <v>25</v>
      </c>
      <c r="L229" s="1" t="s">
        <v>25</v>
      </c>
      <c r="M229" s="1" t="s">
        <v>24</v>
      </c>
      <c r="N229" s="1" t="s">
        <v>24</v>
      </c>
      <c r="O229" s="1">
        <v>35.198685900000001</v>
      </c>
      <c r="P229" s="1">
        <v>132.49059120000001</v>
      </c>
    </row>
    <row r="230" spans="1:16" ht="20.100000000000001" customHeight="1" x14ac:dyDescent="0.4">
      <c r="A230" s="1" t="s">
        <v>1072</v>
      </c>
      <c r="B230" s="1" t="s">
        <v>102</v>
      </c>
      <c r="C230" s="1" t="s">
        <v>1073</v>
      </c>
      <c r="D230" s="1" t="s">
        <v>84</v>
      </c>
      <c r="E230" s="1" t="s">
        <v>1074</v>
      </c>
      <c r="F230" s="1" t="s">
        <v>194</v>
      </c>
      <c r="G230" s="1" t="s">
        <v>56</v>
      </c>
      <c r="H230" s="1"/>
      <c r="I230" s="1" t="s">
        <v>25</v>
      </c>
      <c r="J230" s="1" t="s">
        <v>24</v>
      </c>
      <c r="K230" s="1" t="s">
        <v>25</v>
      </c>
      <c r="L230" s="1" t="s">
        <v>25</v>
      </c>
      <c r="M230" s="1" t="s">
        <v>24</v>
      </c>
      <c r="N230" s="1" t="s">
        <v>24</v>
      </c>
      <c r="O230" s="1">
        <v>35.192089600000003</v>
      </c>
      <c r="P230" s="1">
        <v>132.49935149999999</v>
      </c>
    </row>
    <row r="231" spans="1:16" ht="20.100000000000001" customHeight="1" x14ac:dyDescent="0.4">
      <c r="A231" s="1" t="s">
        <v>1075</v>
      </c>
      <c r="B231" s="1" t="s">
        <v>102</v>
      </c>
      <c r="C231" s="1" t="s">
        <v>1076</v>
      </c>
      <c r="D231" s="1" t="s">
        <v>84</v>
      </c>
      <c r="E231" s="1" t="s">
        <v>1074</v>
      </c>
      <c r="F231" s="1" t="s">
        <v>339</v>
      </c>
      <c r="G231" s="1" t="s">
        <v>1077</v>
      </c>
      <c r="H231" s="1"/>
      <c r="I231" s="1" t="s">
        <v>24</v>
      </c>
      <c r="J231" s="1" t="s">
        <v>24</v>
      </c>
      <c r="K231" s="1" t="s">
        <v>25</v>
      </c>
      <c r="L231" s="1" t="s">
        <v>25</v>
      </c>
      <c r="M231" s="1" t="s">
        <v>24</v>
      </c>
      <c r="N231" s="1" t="s">
        <v>24</v>
      </c>
      <c r="O231" s="1">
        <v>35.185676600000001</v>
      </c>
      <c r="P231" s="1">
        <v>132.50855899999999</v>
      </c>
    </row>
    <row r="232" spans="1:16" ht="20.100000000000001" customHeight="1" x14ac:dyDescent="0.4">
      <c r="A232" s="1" t="s">
        <v>1078</v>
      </c>
      <c r="B232" s="1" t="s">
        <v>102</v>
      </c>
      <c r="C232" s="1" t="s">
        <v>1079</v>
      </c>
      <c r="D232" s="1" t="s">
        <v>84</v>
      </c>
      <c r="E232" s="1" t="s">
        <v>1074</v>
      </c>
      <c r="F232" s="1" t="s">
        <v>339</v>
      </c>
      <c r="G232" s="1" t="s">
        <v>1077</v>
      </c>
      <c r="H232" s="1"/>
      <c r="I232" s="1" t="s">
        <v>24</v>
      </c>
      <c r="J232" s="1" t="s">
        <v>25</v>
      </c>
      <c r="K232" s="1" t="s">
        <v>25</v>
      </c>
      <c r="L232" s="1" t="s">
        <v>25</v>
      </c>
      <c r="M232" s="1" t="s">
        <v>24</v>
      </c>
      <c r="N232" s="1" t="s">
        <v>24</v>
      </c>
      <c r="O232" s="1">
        <v>35.193145100000002</v>
      </c>
      <c r="P232" s="1">
        <v>132.49909880000001</v>
      </c>
    </row>
    <row r="233" spans="1:16" ht="20.100000000000001" customHeight="1" x14ac:dyDescent="0.4">
      <c r="A233" s="1" t="s">
        <v>1080</v>
      </c>
      <c r="B233" s="1" t="s">
        <v>1081</v>
      </c>
      <c r="C233" s="1" t="s">
        <v>1082</v>
      </c>
      <c r="D233" s="1" t="s">
        <v>84</v>
      </c>
      <c r="E233" s="1" t="s">
        <v>1083</v>
      </c>
      <c r="F233" s="1" t="s">
        <v>1084</v>
      </c>
      <c r="G233" s="1" t="s">
        <v>56</v>
      </c>
      <c r="H233" s="1"/>
      <c r="I233" s="1" t="s">
        <v>24</v>
      </c>
      <c r="J233" s="1" t="s">
        <v>25</v>
      </c>
      <c r="K233" s="1" t="s">
        <v>25</v>
      </c>
      <c r="L233" s="1" t="s">
        <v>25</v>
      </c>
      <c r="M233" s="1" t="s">
        <v>24</v>
      </c>
      <c r="N233" s="1" t="s">
        <v>24</v>
      </c>
      <c r="O233" s="1">
        <v>35.090072900000003</v>
      </c>
      <c r="P233" s="1">
        <v>132.35704999999999</v>
      </c>
    </row>
    <row r="234" spans="1:16" ht="20.100000000000001" customHeight="1" x14ac:dyDescent="0.4">
      <c r="A234" s="1" t="s">
        <v>1085</v>
      </c>
      <c r="B234" s="1" t="s">
        <v>135</v>
      </c>
      <c r="C234" s="1" t="s">
        <v>1086</v>
      </c>
      <c r="D234" s="1" t="s">
        <v>84</v>
      </c>
      <c r="E234" s="1" t="s">
        <v>1087</v>
      </c>
      <c r="F234" s="1" t="s">
        <v>1084</v>
      </c>
      <c r="G234" s="1" t="s">
        <v>56</v>
      </c>
      <c r="H234" s="1" t="s">
        <v>1088</v>
      </c>
      <c r="I234" s="1" t="s">
        <v>24</v>
      </c>
      <c r="J234" s="1" t="s">
        <v>24</v>
      </c>
      <c r="K234" s="1" t="s">
        <v>24</v>
      </c>
      <c r="L234" s="1" t="s">
        <v>25</v>
      </c>
      <c r="M234" s="1" t="s">
        <v>24</v>
      </c>
      <c r="N234" s="1" t="s">
        <v>24</v>
      </c>
      <c r="O234" s="1">
        <v>35.148441900000002</v>
      </c>
      <c r="P234" s="1">
        <v>132.40656670000001</v>
      </c>
    </row>
    <row r="235" spans="1:16" ht="20.100000000000001" customHeight="1" x14ac:dyDescent="0.4">
      <c r="A235" s="1" t="s">
        <v>1089</v>
      </c>
      <c r="B235" s="1" t="s">
        <v>1090</v>
      </c>
      <c r="C235" s="1" t="s">
        <v>1091</v>
      </c>
      <c r="D235" s="1" t="s">
        <v>84</v>
      </c>
      <c r="E235" s="1" t="s">
        <v>1092</v>
      </c>
      <c r="F235" s="1" t="s">
        <v>1093</v>
      </c>
      <c r="G235" s="1" t="s">
        <v>212</v>
      </c>
      <c r="H235" s="1" t="s">
        <v>1094</v>
      </c>
      <c r="I235" s="1" t="s">
        <v>24</v>
      </c>
      <c r="J235" s="1" t="s">
        <v>24</v>
      </c>
      <c r="K235" s="1" t="s">
        <v>25</v>
      </c>
      <c r="L235" s="1" t="s">
        <v>25</v>
      </c>
      <c r="M235" s="1" t="s">
        <v>24</v>
      </c>
      <c r="N235" s="1" t="s">
        <v>24</v>
      </c>
      <c r="O235" s="1">
        <v>35.121087199999998</v>
      </c>
      <c r="P235" s="1">
        <v>132.4475271</v>
      </c>
    </row>
    <row r="236" spans="1:16" ht="20.100000000000001" customHeight="1" x14ac:dyDescent="0.4">
      <c r="A236" s="1" t="s">
        <v>1095</v>
      </c>
      <c r="B236" s="1" t="s">
        <v>1090</v>
      </c>
      <c r="C236" s="1" t="s">
        <v>1096</v>
      </c>
      <c r="D236" s="1" t="s">
        <v>84</v>
      </c>
      <c r="E236" s="1" t="s">
        <v>1097</v>
      </c>
      <c r="F236" s="1" t="s">
        <v>1098</v>
      </c>
      <c r="G236" s="1" t="s">
        <v>22</v>
      </c>
      <c r="H236" s="1" t="s">
        <v>1094</v>
      </c>
      <c r="I236" s="1" t="s">
        <v>24</v>
      </c>
      <c r="J236" s="1" t="s">
        <v>24</v>
      </c>
      <c r="K236" s="1" t="s">
        <v>24</v>
      </c>
      <c r="L236" s="1" t="s">
        <v>24</v>
      </c>
      <c r="M236" s="1" t="s">
        <v>24</v>
      </c>
      <c r="N236" s="1" t="s">
        <v>24</v>
      </c>
      <c r="O236" s="1">
        <v>35.105505399999998</v>
      </c>
      <c r="P236" s="1">
        <v>132.4524021</v>
      </c>
    </row>
    <row r="237" spans="1:16" ht="20.100000000000001" customHeight="1" x14ac:dyDescent="0.4">
      <c r="A237" s="1" t="s">
        <v>1099</v>
      </c>
      <c r="B237" s="1" t="s">
        <v>102</v>
      </c>
      <c r="C237" s="1" t="s">
        <v>1100</v>
      </c>
      <c r="D237" s="1" t="s">
        <v>84</v>
      </c>
      <c r="E237" s="1" t="s">
        <v>1101</v>
      </c>
      <c r="F237" s="1" t="s">
        <v>855</v>
      </c>
      <c r="G237" s="1" t="s">
        <v>156</v>
      </c>
      <c r="H237" s="1" t="s">
        <v>1102</v>
      </c>
      <c r="I237" s="1" t="s">
        <v>24</v>
      </c>
      <c r="J237" s="1" t="s">
        <v>25</v>
      </c>
      <c r="K237" s="1" t="s">
        <v>24</v>
      </c>
      <c r="L237" s="1" t="s">
        <v>25</v>
      </c>
      <c r="M237" s="1" t="s">
        <v>24</v>
      </c>
      <c r="N237" s="1" t="s">
        <v>24</v>
      </c>
      <c r="O237" s="1">
        <v>35.2220534</v>
      </c>
      <c r="P237" s="1">
        <v>132.51401089999999</v>
      </c>
    </row>
    <row r="238" spans="1:16" ht="20.100000000000001" customHeight="1" x14ac:dyDescent="0.4">
      <c r="A238" s="1" t="s">
        <v>1103</v>
      </c>
      <c r="B238" s="1" t="s">
        <v>1104</v>
      </c>
      <c r="C238" s="1" t="s">
        <v>1105</v>
      </c>
      <c r="D238" s="1" t="s">
        <v>47</v>
      </c>
      <c r="E238" s="1" t="s">
        <v>1106</v>
      </c>
      <c r="F238" s="1" t="s">
        <v>211</v>
      </c>
      <c r="G238" s="1" t="s">
        <v>1107</v>
      </c>
      <c r="H238" s="1"/>
      <c r="I238" s="1" t="s">
        <v>24</v>
      </c>
      <c r="J238" s="1" t="s">
        <v>25</v>
      </c>
      <c r="K238" s="1" t="s">
        <v>25</v>
      </c>
      <c r="L238" s="1" t="s">
        <v>25</v>
      </c>
      <c r="M238" s="1" t="s">
        <v>24</v>
      </c>
      <c r="N238" s="1" t="s">
        <v>24</v>
      </c>
      <c r="O238" s="1">
        <v>35.295374299999999</v>
      </c>
      <c r="P238" s="1">
        <v>132.88269890000001</v>
      </c>
    </row>
    <row r="239" spans="1:16" ht="20.100000000000001" customHeight="1" x14ac:dyDescent="0.4">
      <c r="A239" s="1" t="s">
        <v>1108</v>
      </c>
      <c r="B239" s="1" t="s">
        <v>799</v>
      </c>
      <c r="C239" s="1" t="s">
        <v>1109</v>
      </c>
      <c r="D239" s="1" t="s">
        <v>53</v>
      </c>
      <c r="E239" s="1" t="s">
        <v>1110</v>
      </c>
      <c r="F239" s="1"/>
      <c r="G239" s="1"/>
      <c r="H239" s="1" t="s">
        <v>1111</v>
      </c>
      <c r="I239" s="1" t="s">
        <v>24</v>
      </c>
      <c r="J239" s="1" t="s">
        <v>24</v>
      </c>
      <c r="K239" s="1" t="s">
        <v>25</v>
      </c>
      <c r="L239" s="1" t="s">
        <v>25</v>
      </c>
      <c r="M239" s="1" t="s">
        <v>24</v>
      </c>
      <c r="N239" s="1" t="s">
        <v>24</v>
      </c>
      <c r="O239" s="1">
        <v>35.419272399999997</v>
      </c>
      <c r="P239" s="1">
        <v>133.00955300000001</v>
      </c>
    </row>
    <row r="240" spans="1:16" ht="20.100000000000001" customHeight="1" x14ac:dyDescent="0.4">
      <c r="A240" s="1" t="s">
        <v>1112</v>
      </c>
      <c r="B240" s="1" t="s">
        <v>220</v>
      </c>
      <c r="C240" s="1" t="s">
        <v>1113</v>
      </c>
      <c r="D240" s="1" t="s">
        <v>29</v>
      </c>
      <c r="E240" s="1" t="s">
        <v>1114</v>
      </c>
      <c r="F240" s="1" t="s">
        <v>1115</v>
      </c>
      <c r="G240" s="1" t="s">
        <v>1116</v>
      </c>
      <c r="H240" s="1" t="s">
        <v>1117</v>
      </c>
      <c r="I240" s="1" t="s">
        <v>24</v>
      </c>
      <c r="J240" s="1" t="s">
        <v>25</v>
      </c>
      <c r="K240" s="1" t="s">
        <v>25</v>
      </c>
      <c r="L240" s="1" t="s">
        <v>25</v>
      </c>
      <c r="M240" s="1" t="s">
        <v>24</v>
      </c>
      <c r="N240" s="1" t="s">
        <v>24</v>
      </c>
      <c r="O240" s="1">
        <v>35.012900600000002</v>
      </c>
      <c r="P240" s="1">
        <v>132.21727229999999</v>
      </c>
    </row>
    <row r="241" spans="1:16" ht="20.100000000000001" customHeight="1" x14ac:dyDescent="0.4">
      <c r="A241" s="1" t="s">
        <v>1118</v>
      </c>
      <c r="B241" s="1" t="s">
        <v>1119</v>
      </c>
      <c r="C241" s="1" t="s">
        <v>1120</v>
      </c>
      <c r="D241" s="1" t="s">
        <v>35</v>
      </c>
      <c r="E241" s="1" t="s">
        <v>1121</v>
      </c>
      <c r="F241" s="1" t="s">
        <v>361</v>
      </c>
      <c r="G241" s="1" t="s">
        <v>334</v>
      </c>
      <c r="H241" s="1" t="s">
        <v>648</v>
      </c>
      <c r="I241" s="1" t="s">
        <v>24</v>
      </c>
      <c r="J241" s="1" t="s">
        <v>24</v>
      </c>
      <c r="K241" s="1" t="s">
        <v>24</v>
      </c>
      <c r="L241" s="1" t="s">
        <v>24</v>
      </c>
      <c r="M241" s="1" t="s">
        <v>24</v>
      </c>
      <c r="N241" s="1" t="s">
        <v>24</v>
      </c>
      <c r="O241" s="1">
        <v>34.6499892</v>
      </c>
      <c r="P241" s="1">
        <v>131.812746</v>
      </c>
    </row>
    <row r="242" spans="1:16" ht="20.100000000000001" customHeight="1" x14ac:dyDescent="0.4">
      <c r="A242" s="1" t="s">
        <v>1122</v>
      </c>
      <c r="B242" s="1" t="s">
        <v>297</v>
      </c>
      <c r="C242" s="1" t="s">
        <v>1123</v>
      </c>
      <c r="D242" s="1" t="s">
        <v>19</v>
      </c>
      <c r="E242" s="1" t="s">
        <v>1124</v>
      </c>
      <c r="F242" s="1" t="s">
        <v>361</v>
      </c>
      <c r="G242" s="1" t="s">
        <v>334</v>
      </c>
      <c r="H242" s="1" t="s">
        <v>648</v>
      </c>
      <c r="I242" s="1" t="s">
        <v>24</v>
      </c>
      <c r="J242" s="1" t="s">
        <v>24</v>
      </c>
      <c r="K242" s="1" t="s">
        <v>24</v>
      </c>
      <c r="L242" s="1" t="s">
        <v>24</v>
      </c>
      <c r="M242" s="1" t="s">
        <v>24</v>
      </c>
      <c r="N242" s="1" t="s">
        <v>24</v>
      </c>
      <c r="O242" s="1">
        <v>35.369521710000001</v>
      </c>
      <c r="P242" s="1">
        <v>132.73787250000001</v>
      </c>
    </row>
    <row r="243" spans="1:16" ht="20.100000000000001" customHeight="1" x14ac:dyDescent="0.4">
      <c r="A243" s="1" t="s">
        <v>1125</v>
      </c>
      <c r="B243" s="1" t="s">
        <v>991</v>
      </c>
      <c r="C243" s="1" t="s">
        <v>992</v>
      </c>
      <c r="D243" s="1" t="s">
        <v>84</v>
      </c>
      <c r="E243" s="1" t="s">
        <v>1126</v>
      </c>
      <c r="F243" s="1" t="s">
        <v>1127</v>
      </c>
      <c r="G243" s="1" t="s">
        <v>1128</v>
      </c>
      <c r="H243" s="1" t="s">
        <v>1129</v>
      </c>
      <c r="I243" s="1" t="s">
        <v>24</v>
      </c>
      <c r="J243" s="1" t="s">
        <v>25</v>
      </c>
      <c r="K243" s="1" t="s">
        <v>24</v>
      </c>
      <c r="L243" s="1" t="s">
        <v>25</v>
      </c>
      <c r="M243" s="1" t="s">
        <v>24</v>
      </c>
      <c r="N243" s="1" t="s">
        <v>24</v>
      </c>
      <c r="O243" s="1">
        <v>35.1975999</v>
      </c>
      <c r="P243" s="1">
        <v>132.4809837</v>
      </c>
    </row>
    <row r="244" spans="1:16" ht="20.100000000000001" customHeight="1" x14ac:dyDescent="0.4">
      <c r="A244" s="1" t="s">
        <v>1130</v>
      </c>
      <c r="B244" s="1" t="s">
        <v>165</v>
      </c>
      <c r="C244" s="1" t="s">
        <v>1131</v>
      </c>
      <c r="D244" s="1" t="s">
        <v>53</v>
      </c>
      <c r="E244" s="1" t="s">
        <v>1132</v>
      </c>
      <c r="F244" s="1" t="s">
        <v>99</v>
      </c>
      <c r="G244" s="1" t="s">
        <v>283</v>
      </c>
      <c r="H244" s="1" t="s">
        <v>1133</v>
      </c>
      <c r="I244" s="1" t="s">
        <v>24</v>
      </c>
      <c r="J244" s="1" t="s">
        <v>25</v>
      </c>
      <c r="K244" s="1" t="s">
        <v>24</v>
      </c>
      <c r="L244" s="1" t="s">
        <v>24</v>
      </c>
      <c r="M244" s="1" t="s">
        <v>24</v>
      </c>
      <c r="N244" s="1" t="s">
        <v>24</v>
      </c>
      <c r="O244" s="1">
        <v>35.453962099999998</v>
      </c>
      <c r="P244" s="1">
        <v>133.09161359999999</v>
      </c>
    </row>
    <row r="245" spans="1:16" ht="20.100000000000001" customHeight="1" x14ac:dyDescent="0.4">
      <c r="A245" s="1" t="s">
        <v>1134</v>
      </c>
      <c r="B245" s="1" t="s">
        <v>311</v>
      </c>
      <c r="C245" s="1" t="s">
        <v>1135</v>
      </c>
      <c r="D245" s="1" t="s">
        <v>53</v>
      </c>
      <c r="E245" s="1" t="s">
        <v>1136</v>
      </c>
      <c r="F245" s="1" t="s">
        <v>211</v>
      </c>
      <c r="G245" s="1" t="s">
        <v>1137</v>
      </c>
      <c r="H245" s="1" t="s">
        <v>1138</v>
      </c>
      <c r="I245" s="1" t="s">
        <v>24</v>
      </c>
      <c r="J245" s="1" t="s">
        <v>25</v>
      </c>
      <c r="K245" s="1" t="s">
        <v>24</v>
      </c>
      <c r="L245" s="1" t="s">
        <v>24</v>
      </c>
      <c r="M245" s="1" t="s">
        <v>24</v>
      </c>
      <c r="N245" s="1" t="s">
        <v>24</v>
      </c>
      <c r="O245" s="1">
        <v>35.480780799999998</v>
      </c>
      <c r="P245" s="1">
        <v>133.06858099999999</v>
      </c>
    </row>
    <row r="246" spans="1:16" ht="20.100000000000001" customHeight="1" x14ac:dyDescent="0.4">
      <c r="A246" s="1" t="s">
        <v>1139</v>
      </c>
      <c r="B246" s="1" t="s">
        <v>1140</v>
      </c>
      <c r="C246" s="1" t="s">
        <v>1141</v>
      </c>
      <c r="D246" s="1" t="s">
        <v>29</v>
      </c>
      <c r="E246" s="1" t="s">
        <v>1142</v>
      </c>
      <c r="F246" s="1" t="s">
        <v>1143</v>
      </c>
      <c r="G246" s="1" t="s">
        <v>1144</v>
      </c>
      <c r="H246" s="1" t="s">
        <v>1145</v>
      </c>
      <c r="I246" s="1" t="s">
        <v>24</v>
      </c>
      <c r="J246" s="1" t="s">
        <v>25</v>
      </c>
      <c r="K246" s="1" t="s">
        <v>24</v>
      </c>
      <c r="L246" s="1" t="s">
        <v>24</v>
      </c>
      <c r="M246" s="1" t="s">
        <v>24</v>
      </c>
      <c r="N246" s="1" t="s">
        <v>25</v>
      </c>
      <c r="O246" s="1">
        <v>34.90277107</v>
      </c>
      <c r="P246" s="1">
        <v>132.079667</v>
      </c>
    </row>
    <row r="247" spans="1:16" ht="20.100000000000001" customHeight="1" x14ac:dyDescent="0.4">
      <c r="A247" s="1" t="s">
        <v>1146</v>
      </c>
      <c r="B247" s="1" t="s">
        <v>1147</v>
      </c>
      <c r="C247" s="1" t="s">
        <v>1148</v>
      </c>
      <c r="D247" s="1" t="s">
        <v>53</v>
      </c>
      <c r="E247" s="1" t="s">
        <v>1149</v>
      </c>
      <c r="F247" s="1" t="s">
        <v>1150</v>
      </c>
      <c r="G247" s="1" t="s">
        <v>22</v>
      </c>
      <c r="H247" s="1" t="s">
        <v>1151</v>
      </c>
      <c r="I247" s="1" t="s">
        <v>24</v>
      </c>
      <c r="J247" s="1" t="s">
        <v>25</v>
      </c>
      <c r="K247" s="1" t="s">
        <v>24</v>
      </c>
      <c r="L247" s="1" t="s">
        <v>25</v>
      </c>
      <c r="M247" s="1" t="s">
        <v>24</v>
      </c>
      <c r="N247" s="1" t="s">
        <v>25</v>
      </c>
      <c r="O247" s="1">
        <v>35.476109610000002</v>
      </c>
      <c r="P247" s="1">
        <v>133.05931219999999</v>
      </c>
    </row>
    <row r="248" spans="1:16" ht="20.100000000000001" customHeight="1" x14ac:dyDescent="0.4">
      <c r="A248" s="1" t="s">
        <v>1152</v>
      </c>
      <c r="B248" s="1" t="s">
        <v>1153</v>
      </c>
      <c r="C248" s="1" t="s">
        <v>1154</v>
      </c>
      <c r="D248" s="1" t="s">
        <v>29</v>
      </c>
      <c r="E248" s="1" t="s">
        <v>1155</v>
      </c>
      <c r="F248" s="1" t="s">
        <v>1156</v>
      </c>
      <c r="G248" s="1" t="s">
        <v>1157</v>
      </c>
      <c r="H248" s="1" t="s">
        <v>1145</v>
      </c>
      <c r="I248" s="1" t="s">
        <v>24</v>
      </c>
      <c r="J248" s="1" t="s">
        <v>24</v>
      </c>
      <c r="K248" s="1" t="s">
        <v>25</v>
      </c>
      <c r="L248" s="1" t="s">
        <v>25</v>
      </c>
      <c r="M248" s="1" t="s">
        <v>24</v>
      </c>
      <c r="N248" s="1" t="s">
        <v>25</v>
      </c>
      <c r="O248" s="1">
        <v>34.899238490000002</v>
      </c>
      <c r="P248" s="1">
        <v>132.07986220000001</v>
      </c>
    </row>
    <row r="249" spans="1:16" ht="20.100000000000001" customHeight="1" x14ac:dyDescent="0.4">
      <c r="A249" s="1" t="s">
        <v>1158</v>
      </c>
      <c r="B249" s="1" t="s">
        <v>1159</v>
      </c>
      <c r="C249" s="1" t="s">
        <v>1160</v>
      </c>
      <c r="D249" s="1" t="s">
        <v>29</v>
      </c>
      <c r="E249" s="1" t="s">
        <v>1161</v>
      </c>
      <c r="F249" s="1" t="s">
        <v>1156</v>
      </c>
      <c r="G249" s="1" t="s">
        <v>1162</v>
      </c>
      <c r="H249" s="1" t="s">
        <v>1145</v>
      </c>
      <c r="I249" s="1" t="s">
        <v>24</v>
      </c>
      <c r="J249" s="1" t="s">
        <v>24</v>
      </c>
      <c r="K249" s="1" t="s">
        <v>25</v>
      </c>
      <c r="L249" s="1" t="s">
        <v>24</v>
      </c>
      <c r="M249" s="1" t="s">
        <v>24</v>
      </c>
      <c r="N249" s="1" t="s">
        <v>25</v>
      </c>
      <c r="O249" s="1">
        <v>34.858996959999999</v>
      </c>
      <c r="P249" s="1">
        <v>132.25954830000001</v>
      </c>
    </row>
    <row r="250" spans="1:16" ht="20.100000000000001" customHeight="1" x14ac:dyDescent="0.4">
      <c r="A250" s="1" t="s">
        <v>1163</v>
      </c>
      <c r="B250" s="1" t="s">
        <v>1164</v>
      </c>
      <c r="C250" s="1" t="s">
        <v>1165</v>
      </c>
      <c r="D250" s="1" t="s">
        <v>29</v>
      </c>
      <c r="E250" s="1" t="s">
        <v>1166</v>
      </c>
      <c r="F250" s="1" t="s">
        <v>429</v>
      </c>
      <c r="G250" s="1" t="s">
        <v>246</v>
      </c>
      <c r="H250" s="1" t="s">
        <v>1145</v>
      </c>
      <c r="I250" s="1" t="s">
        <v>24</v>
      </c>
      <c r="J250" s="1" t="s">
        <v>24</v>
      </c>
      <c r="K250" s="1" t="s">
        <v>25</v>
      </c>
      <c r="L250" s="1" t="s">
        <v>25</v>
      </c>
      <c r="M250" s="1" t="s">
        <v>24</v>
      </c>
      <c r="N250" s="1" t="s">
        <v>25</v>
      </c>
      <c r="O250" s="1">
        <v>34.90236582</v>
      </c>
      <c r="P250" s="1">
        <v>132.0885782</v>
      </c>
    </row>
    <row r="251" spans="1:16" ht="20.100000000000001" customHeight="1" x14ac:dyDescent="0.4">
      <c r="A251" s="1" t="s">
        <v>1167</v>
      </c>
      <c r="B251" s="1" t="s">
        <v>297</v>
      </c>
      <c r="C251" s="1" t="s">
        <v>1168</v>
      </c>
      <c r="D251" s="1" t="s">
        <v>19</v>
      </c>
      <c r="E251" s="1" t="s">
        <v>1169</v>
      </c>
      <c r="F251" s="1" t="s">
        <v>211</v>
      </c>
      <c r="G251" s="2" t="s">
        <v>1170</v>
      </c>
      <c r="H251" s="1"/>
      <c r="I251" s="1" t="s">
        <v>24</v>
      </c>
      <c r="J251" s="1" t="s">
        <v>24</v>
      </c>
      <c r="K251" s="1" t="s">
        <v>24</v>
      </c>
      <c r="L251" s="1" t="s">
        <v>24</v>
      </c>
      <c r="M251" s="1" t="s">
        <v>24</v>
      </c>
      <c r="N251" s="1" t="s">
        <v>24</v>
      </c>
      <c r="O251" s="1">
        <v>35.367246960000003</v>
      </c>
      <c r="P251" s="1">
        <v>132.73911240000001</v>
      </c>
    </row>
    <row r="252" spans="1:16" ht="20.100000000000001" customHeight="1" x14ac:dyDescent="0.4">
      <c r="A252" s="1" t="s">
        <v>1171</v>
      </c>
      <c r="B252" s="1" t="s">
        <v>1172</v>
      </c>
      <c r="C252" s="1" t="s">
        <v>1173</v>
      </c>
      <c r="D252" s="1" t="s">
        <v>29</v>
      </c>
      <c r="E252" s="1" t="s">
        <v>1174</v>
      </c>
      <c r="F252" s="1" t="s">
        <v>1175</v>
      </c>
      <c r="G252" s="1" t="s">
        <v>56</v>
      </c>
      <c r="H252" s="1" t="s">
        <v>1176</v>
      </c>
      <c r="I252" s="1" t="s">
        <v>24</v>
      </c>
      <c r="J252" s="1" t="s">
        <v>24</v>
      </c>
      <c r="K252" s="1" t="s">
        <v>24</v>
      </c>
      <c r="L252" s="1" t="s">
        <v>24</v>
      </c>
      <c r="M252" s="1" t="s">
        <v>24</v>
      </c>
      <c r="N252" s="1" t="s">
        <v>24</v>
      </c>
      <c r="O252" s="1">
        <v>35.011190569999997</v>
      </c>
      <c r="P252" s="1">
        <v>132.22111580000001</v>
      </c>
    </row>
    <row r="253" spans="1:16" ht="20.100000000000001" customHeight="1" x14ac:dyDescent="0.4">
      <c r="A253" s="1" t="s">
        <v>1177</v>
      </c>
      <c r="B253" s="1" t="s">
        <v>748</v>
      </c>
      <c r="C253" s="1" t="s">
        <v>1178</v>
      </c>
      <c r="D253" s="1" t="s">
        <v>29</v>
      </c>
      <c r="E253" s="1" t="s">
        <v>1179</v>
      </c>
      <c r="F253" s="1" t="s">
        <v>1180</v>
      </c>
      <c r="G253" s="1" t="s">
        <v>93</v>
      </c>
      <c r="H253" s="1"/>
      <c r="I253" s="1" t="s">
        <v>24</v>
      </c>
      <c r="J253" s="1" t="s">
        <v>24</v>
      </c>
      <c r="K253" s="1" t="s">
        <v>24</v>
      </c>
      <c r="L253" s="1" t="s">
        <v>24</v>
      </c>
      <c r="M253" s="1" t="s">
        <v>24</v>
      </c>
      <c r="N253" s="1" t="s">
        <v>24</v>
      </c>
      <c r="O253" s="1">
        <v>35.008828809999997</v>
      </c>
      <c r="P253" s="1">
        <v>132.2117068</v>
      </c>
    </row>
    <row r="254" spans="1:16" ht="20.100000000000001" customHeight="1" x14ac:dyDescent="0.4">
      <c r="A254" s="1" t="s">
        <v>1181</v>
      </c>
      <c r="B254" s="1" t="s">
        <v>220</v>
      </c>
      <c r="C254" s="1" t="s">
        <v>1182</v>
      </c>
      <c r="D254" s="1" t="s">
        <v>29</v>
      </c>
      <c r="E254" s="1" t="s">
        <v>1183</v>
      </c>
      <c r="F254" s="1" t="s">
        <v>1184</v>
      </c>
      <c r="G254" s="1" t="s">
        <v>139</v>
      </c>
      <c r="H254" s="1"/>
      <c r="I254" s="1" t="s">
        <v>24</v>
      </c>
      <c r="J254" s="1" t="s">
        <v>24</v>
      </c>
      <c r="K254" s="1" t="s">
        <v>25</v>
      </c>
      <c r="L254" s="1" t="s">
        <v>25</v>
      </c>
      <c r="M254" s="1" t="s">
        <v>24</v>
      </c>
      <c r="N254" s="1" t="s">
        <v>24</v>
      </c>
      <c r="O254" s="1">
        <v>35.009667759999999</v>
      </c>
      <c r="P254" s="1">
        <v>132.22158780000001</v>
      </c>
    </row>
    <row r="255" spans="1:16" ht="20.100000000000001" customHeight="1" x14ac:dyDescent="0.4">
      <c r="A255" s="1" t="s">
        <v>1185</v>
      </c>
      <c r="B255" s="1" t="s">
        <v>1164</v>
      </c>
      <c r="C255" s="1" t="s">
        <v>1186</v>
      </c>
      <c r="D255" s="1" t="s">
        <v>29</v>
      </c>
      <c r="E255" s="1" t="s">
        <v>1187</v>
      </c>
      <c r="F255" s="1" t="s">
        <v>339</v>
      </c>
      <c r="G255" s="1" t="s">
        <v>1188</v>
      </c>
      <c r="H255" s="1" t="s">
        <v>861</v>
      </c>
      <c r="I255" s="1" t="s">
        <v>25</v>
      </c>
      <c r="J255" s="1" t="s">
        <v>25</v>
      </c>
      <c r="K255" s="1" t="s">
        <v>25</v>
      </c>
      <c r="L255" s="1" t="s">
        <v>24</v>
      </c>
      <c r="M255" s="1" t="s">
        <v>24</v>
      </c>
      <c r="N255" s="1" t="s">
        <v>25</v>
      </c>
      <c r="O255" s="1">
        <v>34.903436300000003</v>
      </c>
      <c r="P255" s="1">
        <v>132.0879664</v>
      </c>
    </row>
    <row r="256" spans="1:16" ht="20.100000000000001" customHeight="1" x14ac:dyDescent="0.4">
      <c r="A256" s="1" t="s">
        <v>1189</v>
      </c>
      <c r="B256" s="1" t="s">
        <v>1190</v>
      </c>
      <c r="C256" s="1" t="s">
        <v>1191</v>
      </c>
      <c r="D256" s="1" t="s">
        <v>84</v>
      </c>
      <c r="E256" s="1" t="s">
        <v>1192</v>
      </c>
      <c r="F256" s="1" t="s">
        <v>339</v>
      </c>
      <c r="G256" s="1" t="s">
        <v>1193</v>
      </c>
      <c r="H256" s="1" t="s">
        <v>861</v>
      </c>
      <c r="I256" s="1" t="s">
        <v>25</v>
      </c>
      <c r="J256" s="1" t="s">
        <v>24</v>
      </c>
      <c r="K256" s="1" t="s">
        <v>25</v>
      </c>
      <c r="L256" s="1" t="s">
        <v>24</v>
      </c>
      <c r="M256" s="1" t="s">
        <v>24</v>
      </c>
      <c r="N256" s="1" t="s">
        <v>24</v>
      </c>
      <c r="O256" s="1">
        <v>34.893507280000001</v>
      </c>
      <c r="P256" s="1">
        <v>132.43961340000001</v>
      </c>
    </row>
    <row r="257" spans="1:16" ht="20.100000000000001" customHeight="1" x14ac:dyDescent="0.4">
      <c r="A257" s="1" t="s">
        <v>1194</v>
      </c>
      <c r="B257" s="1" t="s">
        <v>978</v>
      </c>
      <c r="C257" s="1" t="s">
        <v>1195</v>
      </c>
      <c r="D257" s="1" t="s">
        <v>35</v>
      </c>
      <c r="E257" s="1" t="s">
        <v>1196</v>
      </c>
      <c r="F257" s="1" t="s">
        <v>339</v>
      </c>
      <c r="G257" s="3">
        <v>1</v>
      </c>
      <c r="H257" s="1" t="s">
        <v>861</v>
      </c>
      <c r="I257" s="1" t="s">
        <v>25</v>
      </c>
      <c r="J257" s="1" t="s">
        <v>24</v>
      </c>
      <c r="K257" s="1" t="s">
        <v>25</v>
      </c>
      <c r="L257" s="1" t="s">
        <v>24</v>
      </c>
      <c r="M257" s="1" t="s">
        <v>24</v>
      </c>
      <c r="N257" s="1" t="s">
        <v>24</v>
      </c>
      <c r="O257" s="1">
        <v>34.683060040000001</v>
      </c>
      <c r="P257" s="1">
        <v>131.8474243</v>
      </c>
    </row>
    <row r="258" spans="1:16" ht="20.100000000000001" customHeight="1" x14ac:dyDescent="0.4">
      <c r="A258" s="1" t="s">
        <v>1197</v>
      </c>
      <c r="B258" s="1" t="s">
        <v>906</v>
      </c>
      <c r="C258" s="1" t="s">
        <v>1198</v>
      </c>
      <c r="D258" s="1" t="s">
        <v>84</v>
      </c>
      <c r="E258" s="1" t="s">
        <v>1199</v>
      </c>
      <c r="F258" s="1" t="s">
        <v>339</v>
      </c>
      <c r="G258" s="1" t="s">
        <v>1193</v>
      </c>
      <c r="H258" s="1" t="s">
        <v>861</v>
      </c>
      <c r="I258" s="1" t="s">
        <v>25</v>
      </c>
      <c r="J258" s="1" t="s">
        <v>24</v>
      </c>
      <c r="K258" s="1" t="s">
        <v>25</v>
      </c>
      <c r="L258" s="1" t="s">
        <v>24</v>
      </c>
      <c r="M258" s="1" t="s">
        <v>24</v>
      </c>
      <c r="N258" s="1" t="s">
        <v>24</v>
      </c>
      <c r="O258" s="1">
        <v>34.854031319999997</v>
      </c>
      <c r="P258" s="1">
        <v>132.5193525</v>
      </c>
    </row>
    <row r="259" spans="1:16" ht="20.100000000000001" customHeight="1" x14ac:dyDescent="0.4">
      <c r="A259" s="1" t="s">
        <v>1200</v>
      </c>
      <c r="B259" s="1" t="s">
        <v>1201</v>
      </c>
      <c r="C259" s="1" t="s">
        <v>1202</v>
      </c>
      <c r="D259" s="1" t="s">
        <v>35</v>
      </c>
      <c r="E259" s="1" t="s">
        <v>1203</v>
      </c>
      <c r="F259" s="1" t="s">
        <v>339</v>
      </c>
      <c r="G259" s="3">
        <v>1</v>
      </c>
      <c r="H259" s="1" t="s">
        <v>861</v>
      </c>
      <c r="I259" s="1" t="s">
        <v>25</v>
      </c>
      <c r="J259" s="1" t="s">
        <v>25</v>
      </c>
      <c r="K259" s="1" t="s">
        <v>25</v>
      </c>
      <c r="L259" s="1" t="s">
        <v>24</v>
      </c>
      <c r="M259" s="1" t="s">
        <v>24</v>
      </c>
      <c r="N259" s="1" t="s">
        <v>24</v>
      </c>
      <c r="O259" s="1">
        <v>34.67667221</v>
      </c>
      <c r="P259" s="1">
        <v>131.93606489999999</v>
      </c>
    </row>
    <row r="260" spans="1:16" ht="20.100000000000001" customHeight="1" x14ac:dyDescent="0.4">
      <c r="A260" s="1" t="s">
        <v>1204</v>
      </c>
      <c r="B260" s="1" t="s">
        <v>696</v>
      </c>
      <c r="C260" s="1" t="s">
        <v>1205</v>
      </c>
      <c r="D260" s="1" t="s">
        <v>19</v>
      </c>
      <c r="E260" s="1" t="s">
        <v>1206</v>
      </c>
      <c r="F260" s="1" t="s">
        <v>339</v>
      </c>
      <c r="G260" s="3">
        <v>1</v>
      </c>
      <c r="H260" s="1" t="s">
        <v>861</v>
      </c>
      <c r="I260" s="1" t="s">
        <v>25</v>
      </c>
      <c r="J260" s="1" t="s">
        <v>24</v>
      </c>
      <c r="K260" s="1" t="s">
        <v>25</v>
      </c>
      <c r="L260" s="1" t="s">
        <v>24</v>
      </c>
      <c r="M260" s="1" t="s">
        <v>24</v>
      </c>
      <c r="N260" s="1" t="s">
        <v>24</v>
      </c>
      <c r="O260" s="1">
        <v>35.365161260000001</v>
      </c>
      <c r="P260" s="1">
        <v>132.7621747</v>
      </c>
    </row>
    <row r="261" spans="1:16" ht="20.100000000000001" customHeight="1" x14ac:dyDescent="0.4">
      <c r="A261" s="1" t="s">
        <v>1207</v>
      </c>
      <c r="B261" s="1" t="s">
        <v>1208</v>
      </c>
      <c r="C261" s="1" t="s">
        <v>1209</v>
      </c>
      <c r="D261" s="1" t="s">
        <v>19</v>
      </c>
      <c r="E261" s="1" t="s">
        <v>1210</v>
      </c>
      <c r="F261" s="1" t="s">
        <v>339</v>
      </c>
      <c r="G261" s="3">
        <v>1</v>
      </c>
      <c r="H261" s="1" t="s">
        <v>861</v>
      </c>
      <c r="I261" s="1" t="s">
        <v>25</v>
      </c>
      <c r="J261" s="1" t="s">
        <v>25</v>
      </c>
      <c r="K261" s="1" t="s">
        <v>25</v>
      </c>
      <c r="L261" s="1" t="s">
        <v>24</v>
      </c>
      <c r="M261" s="1" t="s">
        <v>24</v>
      </c>
      <c r="N261" s="1" t="s">
        <v>24</v>
      </c>
      <c r="O261" s="1">
        <v>35.347599369999998</v>
      </c>
      <c r="P261" s="1">
        <v>132.75796170000001</v>
      </c>
    </row>
    <row r="262" spans="1:16" ht="20.100000000000001" customHeight="1" x14ac:dyDescent="0.4">
      <c r="A262" s="1" t="s">
        <v>1211</v>
      </c>
      <c r="B262" s="1" t="s">
        <v>1212</v>
      </c>
      <c r="C262" s="1" t="s">
        <v>1213</v>
      </c>
      <c r="D262" s="1" t="s">
        <v>19</v>
      </c>
      <c r="E262" s="1" t="s">
        <v>1214</v>
      </c>
      <c r="F262" s="1" t="s">
        <v>339</v>
      </c>
      <c r="G262" s="3">
        <v>1</v>
      </c>
      <c r="H262" s="1" t="s">
        <v>861</v>
      </c>
      <c r="I262" s="1" t="s">
        <v>25</v>
      </c>
      <c r="J262" s="1" t="s">
        <v>25</v>
      </c>
      <c r="K262" s="1" t="s">
        <v>25</v>
      </c>
      <c r="L262" s="1" t="s">
        <v>24</v>
      </c>
      <c r="M262" s="1" t="s">
        <v>24</v>
      </c>
      <c r="N262" s="1" t="s">
        <v>24</v>
      </c>
      <c r="O262" s="1">
        <v>35.348281729999997</v>
      </c>
      <c r="P262" s="1">
        <v>132.74655709999999</v>
      </c>
    </row>
    <row r="263" spans="1:16" ht="20.100000000000001" customHeight="1" x14ac:dyDescent="0.4">
      <c r="A263" s="1" t="s">
        <v>1215</v>
      </c>
      <c r="B263" s="1" t="s">
        <v>1216</v>
      </c>
      <c r="C263" s="1" t="s">
        <v>1217</v>
      </c>
      <c r="D263" s="1" t="s">
        <v>19</v>
      </c>
      <c r="E263" s="1" t="s">
        <v>1218</v>
      </c>
      <c r="F263" s="1" t="s">
        <v>339</v>
      </c>
      <c r="G263" s="3">
        <v>1</v>
      </c>
      <c r="H263" s="1" t="s">
        <v>861</v>
      </c>
      <c r="I263" s="1" t="s">
        <v>25</v>
      </c>
      <c r="J263" s="1" t="s">
        <v>25</v>
      </c>
      <c r="K263" s="1" t="s">
        <v>25</v>
      </c>
      <c r="L263" s="1" t="s">
        <v>24</v>
      </c>
      <c r="M263" s="1" t="s">
        <v>24</v>
      </c>
      <c r="N263" s="1" t="s">
        <v>24</v>
      </c>
      <c r="O263" s="1">
        <v>35.373429190000003</v>
      </c>
      <c r="P263" s="1">
        <v>132.7614375</v>
      </c>
    </row>
    <row r="264" spans="1:16" ht="20.100000000000001" customHeight="1" x14ac:dyDescent="0.4">
      <c r="A264" s="1" t="s">
        <v>1219</v>
      </c>
      <c r="B264" s="1" t="s">
        <v>1220</v>
      </c>
      <c r="C264" s="1" t="s">
        <v>1221</v>
      </c>
      <c r="D264" s="1" t="s">
        <v>19</v>
      </c>
      <c r="E264" s="1" t="s">
        <v>1222</v>
      </c>
      <c r="F264" s="1" t="s">
        <v>339</v>
      </c>
      <c r="G264" s="3">
        <v>1</v>
      </c>
      <c r="H264" s="1" t="s">
        <v>861</v>
      </c>
      <c r="I264" s="1" t="s">
        <v>25</v>
      </c>
      <c r="J264" s="1" t="s">
        <v>25</v>
      </c>
      <c r="K264" s="1" t="s">
        <v>25</v>
      </c>
      <c r="L264" s="1" t="s">
        <v>24</v>
      </c>
      <c r="M264" s="1" t="s">
        <v>24</v>
      </c>
      <c r="N264" s="1" t="s">
        <v>24</v>
      </c>
      <c r="O264" s="1">
        <v>35.341925310000001</v>
      </c>
      <c r="P264" s="1">
        <v>132.73812710000001</v>
      </c>
    </row>
    <row r="265" spans="1:16" ht="20.100000000000001" customHeight="1" x14ac:dyDescent="0.4">
      <c r="A265" s="1" t="s">
        <v>1223</v>
      </c>
      <c r="B265" s="1" t="s">
        <v>1224</v>
      </c>
      <c r="C265" s="1" t="s">
        <v>1225</v>
      </c>
      <c r="D265" s="1" t="s">
        <v>19</v>
      </c>
      <c r="E265" s="1" t="s">
        <v>1226</v>
      </c>
      <c r="F265" s="1" t="s">
        <v>339</v>
      </c>
      <c r="G265" s="3">
        <v>1</v>
      </c>
      <c r="H265" s="1" t="s">
        <v>861</v>
      </c>
      <c r="I265" s="1" t="s">
        <v>25</v>
      </c>
      <c r="J265" s="1" t="s">
        <v>24</v>
      </c>
      <c r="K265" s="1" t="s">
        <v>25</v>
      </c>
      <c r="L265" s="1" t="s">
        <v>24</v>
      </c>
      <c r="M265" s="1" t="s">
        <v>24</v>
      </c>
      <c r="N265" s="1" t="s">
        <v>24</v>
      </c>
      <c r="O265" s="1">
        <v>35.341925310000001</v>
      </c>
      <c r="P265" s="1">
        <v>132.73812710000001</v>
      </c>
    </row>
    <row r="266" spans="1:16" ht="20.100000000000001" customHeight="1" x14ac:dyDescent="0.4">
      <c r="A266" s="1" t="s">
        <v>1227</v>
      </c>
      <c r="B266" s="1" t="s">
        <v>785</v>
      </c>
      <c r="C266" s="1" t="s">
        <v>1228</v>
      </c>
      <c r="D266" s="1" t="s">
        <v>19</v>
      </c>
      <c r="E266" s="1" t="s">
        <v>1229</v>
      </c>
      <c r="F266" s="1" t="s">
        <v>339</v>
      </c>
      <c r="G266" s="3">
        <v>1</v>
      </c>
      <c r="H266" s="1" t="s">
        <v>861</v>
      </c>
      <c r="I266" s="1" t="s">
        <v>25</v>
      </c>
      <c r="J266" s="1" t="s">
        <v>24</v>
      </c>
      <c r="K266" s="1" t="s">
        <v>25</v>
      </c>
      <c r="L266" s="1" t="s">
        <v>24</v>
      </c>
      <c r="M266" s="1" t="s">
        <v>24</v>
      </c>
      <c r="N266" s="1" t="s">
        <v>24</v>
      </c>
      <c r="O266" s="1">
        <v>35.341925310000001</v>
      </c>
      <c r="P266" s="1">
        <v>132.73812710000001</v>
      </c>
    </row>
    <row r="267" spans="1:16" ht="20.100000000000001" customHeight="1" x14ac:dyDescent="0.4">
      <c r="A267" s="1" t="s">
        <v>1230</v>
      </c>
      <c r="B267" s="1" t="s">
        <v>388</v>
      </c>
      <c r="C267" s="1" t="s">
        <v>1231</v>
      </c>
      <c r="D267" s="1" t="s">
        <v>19</v>
      </c>
      <c r="E267" s="1" t="s">
        <v>1232</v>
      </c>
      <c r="F267" s="1" t="s">
        <v>339</v>
      </c>
      <c r="G267" s="3">
        <v>1</v>
      </c>
      <c r="H267" s="1" t="s">
        <v>861</v>
      </c>
      <c r="I267" s="1" t="s">
        <v>25</v>
      </c>
      <c r="J267" s="1" t="s">
        <v>25</v>
      </c>
      <c r="K267" s="1" t="s">
        <v>25</v>
      </c>
      <c r="L267" s="1" t="s">
        <v>24</v>
      </c>
      <c r="M267" s="1" t="s">
        <v>24</v>
      </c>
      <c r="N267" s="1" t="s">
        <v>24</v>
      </c>
      <c r="O267" s="1">
        <v>35.387131240000002</v>
      </c>
      <c r="P267" s="1">
        <v>132.803684</v>
      </c>
    </row>
    <row r="268" spans="1:16" ht="20.100000000000001" customHeight="1" x14ac:dyDescent="0.4">
      <c r="A268" s="1" t="s">
        <v>1233</v>
      </c>
      <c r="B268" s="1" t="s">
        <v>607</v>
      </c>
      <c r="C268" s="1" t="s">
        <v>1234</v>
      </c>
      <c r="D268" s="1" t="s">
        <v>35</v>
      </c>
      <c r="E268" s="1" t="s">
        <v>1235</v>
      </c>
      <c r="F268" s="1" t="s">
        <v>339</v>
      </c>
      <c r="G268" s="3">
        <v>1</v>
      </c>
      <c r="H268" s="1" t="s">
        <v>861</v>
      </c>
      <c r="I268" s="1" t="s">
        <v>25</v>
      </c>
      <c r="J268" s="1" t="s">
        <v>25</v>
      </c>
      <c r="K268" s="1" t="s">
        <v>25</v>
      </c>
      <c r="L268" s="1" t="s">
        <v>24</v>
      </c>
      <c r="M268" s="1" t="s">
        <v>24</v>
      </c>
      <c r="N268" s="1" t="s">
        <v>24</v>
      </c>
      <c r="O268" s="1">
        <v>35.387131240000002</v>
      </c>
      <c r="P268" s="1">
        <v>132.803684</v>
      </c>
    </row>
    <row r="269" spans="1:16" ht="20.100000000000001" customHeight="1" x14ac:dyDescent="0.4">
      <c r="A269" s="1" t="s">
        <v>1236</v>
      </c>
      <c r="B269" s="1" t="s">
        <v>153</v>
      </c>
      <c r="C269" s="1" t="s">
        <v>1237</v>
      </c>
      <c r="D269" s="1" t="s">
        <v>35</v>
      </c>
      <c r="E269" s="1" t="s">
        <v>1238</v>
      </c>
      <c r="F269" s="1" t="s">
        <v>339</v>
      </c>
      <c r="G269" s="3">
        <v>1</v>
      </c>
      <c r="H269" s="1" t="s">
        <v>861</v>
      </c>
      <c r="I269" s="1" t="s">
        <v>25</v>
      </c>
      <c r="J269" s="1" t="s">
        <v>25</v>
      </c>
      <c r="K269" s="1" t="s">
        <v>25</v>
      </c>
      <c r="L269" s="1" t="s">
        <v>24</v>
      </c>
      <c r="M269" s="1" t="s">
        <v>24</v>
      </c>
      <c r="N269" s="1" t="s">
        <v>24</v>
      </c>
      <c r="O269" s="1">
        <v>34.689974489999997</v>
      </c>
      <c r="P269" s="1">
        <v>131.8117814</v>
      </c>
    </row>
    <row r="270" spans="1:16" ht="20.100000000000001" customHeight="1" x14ac:dyDescent="0.4">
      <c r="A270" s="1" t="s">
        <v>1239</v>
      </c>
      <c r="B270" s="1" t="s">
        <v>1240</v>
      </c>
      <c r="C270" s="1" t="s">
        <v>1241</v>
      </c>
      <c r="D270" s="1" t="s">
        <v>35</v>
      </c>
      <c r="E270" s="1" t="s">
        <v>1242</v>
      </c>
      <c r="F270" s="1" t="s">
        <v>339</v>
      </c>
      <c r="G270" s="3">
        <v>1</v>
      </c>
      <c r="H270" s="1" t="s">
        <v>861</v>
      </c>
      <c r="I270" s="1" t="s">
        <v>25</v>
      </c>
      <c r="J270" s="1" t="s">
        <v>25</v>
      </c>
      <c r="K270" s="1" t="s">
        <v>25</v>
      </c>
      <c r="L270" s="1" t="s">
        <v>24</v>
      </c>
      <c r="M270" s="1" t="s">
        <v>24</v>
      </c>
      <c r="N270" s="1" t="s">
        <v>24</v>
      </c>
      <c r="O270" s="1">
        <v>34.668999829999997</v>
      </c>
      <c r="P270" s="1">
        <v>131.85684760000001</v>
      </c>
    </row>
    <row r="271" spans="1:16" ht="20.100000000000001" customHeight="1" x14ac:dyDescent="0.4">
      <c r="A271" s="1" t="s">
        <v>1243</v>
      </c>
      <c r="B271" s="1" t="s">
        <v>251</v>
      </c>
      <c r="C271" s="1" t="s">
        <v>1244</v>
      </c>
      <c r="D271" s="1" t="s">
        <v>35</v>
      </c>
      <c r="E271" s="1" t="s">
        <v>1245</v>
      </c>
      <c r="F271" s="1" t="s">
        <v>339</v>
      </c>
      <c r="G271" s="3">
        <v>1</v>
      </c>
      <c r="H271" s="1" t="s">
        <v>861</v>
      </c>
      <c r="I271" s="1" t="s">
        <v>25</v>
      </c>
      <c r="J271" s="1" t="s">
        <v>25</v>
      </c>
      <c r="K271" s="1" t="s">
        <v>25</v>
      </c>
      <c r="L271" s="1" t="s">
        <v>24</v>
      </c>
      <c r="M271" s="1" t="s">
        <v>24</v>
      </c>
      <c r="N271" s="1" t="s">
        <v>24</v>
      </c>
      <c r="O271" s="1">
        <v>34.684182669999998</v>
      </c>
      <c r="P271" s="1">
        <v>131.8345673</v>
      </c>
    </row>
    <row r="272" spans="1:16" ht="20.100000000000001" customHeight="1" x14ac:dyDescent="0.4">
      <c r="A272" s="1" t="s">
        <v>1246</v>
      </c>
      <c r="B272" s="1" t="s">
        <v>243</v>
      </c>
      <c r="C272" s="1" t="s">
        <v>1247</v>
      </c>
      <c r="D272" s="1" t="s">
        <v>35</v>
      </c>
      <c r="E272" s="1" t="s">
        <v>1248</v>
      </c>
      <c r="F272" s="1" t="s">
        <v>339</v>
      </c>
      <c r="G272" s="3">
        <v>1</v>
      </c>
      <c r="H272" s="1" t="s">
        <v>861</v>
      </c>
      <c r="I272" s="1" t="s">
        <v>25</v>
      </c>
      <c r="J272" s="1" t="s">
        <v>24</v>
      </c>
      <c r="K272" s="1" t="s">
        <v>25</v>
      </c>
      <c r="L272" s="1" t="s">
        <v>24</v>
      </c>
      <c r="M272" s="1" t="s">
        <v>24</v>
      </c>
      <c r="N272" s="1" t="s">
        <v>24</v>
      </c>
      <c r="O272" s="1">
        <v>34.684015170000002</v>
      </c>
      <c r="P272" s="1">
        <v>131.85958239999999</v>
      </c>
    </row>
    <row r="273" spans="1:16" ht="20.100000000000001" customHeight="1" x14ac:dyDescent="0.4">
      <c r="A273" s="1" t="s">
        <v>1249</v>
      </c>
      <c r="B273" s="1" t="s">
        <v>910</v>
      </c>
      <c r="C273" s="1" t="s">
        <v>1250</v>
      </c>
      <c r="D273" s="1" t="s">
        <v>35</v>
      </c>
      <c r="E273" s="1" t="s">
        <v>1251</v>
      </c>
      <c r="F273" s="1" t="s">
        <v>339</v>
      </c>
      <c r="G273" s="3">
        <v>1</v>
      </c>
      <c r="H273" s="1" t="s">
        <v>861</v>
      </c>
      <c r="I273" s="1" t="s">
        <v>25</v>
      </c>
      <c r="J273" s="1" t="s">
        <v>25</v>
      </c>
      <c r="K273" s="1" t="s">
        <v>25</v>
      </c>
      <c r="L273" s="1" t="s">
        <v>24</v>
      </c>
      <c r="M273" s="1" t="s">
        <v>24</v>
      </c>
      <c r="N273" s="1" t="s">
        <v>24</v>
      </c>
      <c r="O273" s="1">
        <v>34.625988040000003</v>
      </c>
      <c r="P273" s="1">
        <v>131.80642839999999</v>
      </c>
    </row>
    <row r="274" spans="1:16" ht="20.100000000000001" customHeight="1" x14ac:dyDescent="0.4">
      <c r="A274" s="1" t="s">
        <v>1252</v>
      </c>
      <c r="B274" s="1" t="s">
        <v>1253</v>
      </c>
      <c r="C274" s="1" t="s">
        <v>1254</v>
      </c>
      <c r="D274" s="1" t="s">
        <v>29</v>
      </c>
      <c r="E274" s="1" t="s">
        <v>1255</v>
      </c>
      <c r="F274" s="1" t="s">
        <v>339</v>
      </c>
      <c r="G274" s="3">
        <v>1</v>
      </c>
      <c r="H274" s="1" t="s">
        <v>861</v>
      </c>
      <c r="I274" s="1" t="s">
        <v>25</v>
      </c>
      <c r="J274" s="1" t="s">
        <v>24</v>
      </c>
      <c r="K274" s="1" t="s">
        <v>25</v>
      </c>
      <c r="L274" s="1" t="s">
        <v>24</v>
      </c>
      <c r="M274" s="1" t="s">
        <v>24</v>
      </c>
      <c r="N274" s="1" t="s">
        <v>24</v>
      </c>
      <c r="O274" s="1">
        <v>34.859649449999999</v>
      </c>
      <c r="P274" s="1">
        <v>132.02894499999999</v>
      </c>
    </row>
    <row r="275" spans="1:16" ht="20.100000000000001" customHeight="1" x14ac:dyDescent="0.4">
      <c r="A275" s="1" t="s">
        <v>1256</v>
      </c>
      <c r="B275" s="1" t="s">
        <v>1257</v>
      </c>
      <c r="C275" s="1" t="s">
        <v>1258</v>
      </c>
      <c r="D275" s="1" t="s">
        <v>29</v>
      </c>
      <c r="E275" s="1" t="s">
        <v>1259</v>
      </c>
      <c r="F275" s="1" t="s">
        <v>339</v>
      </c>
      <c r="G275" s="3">
        <v>1</v>
      </c>
      <c r="H275" s="1" t="s">
        <v>861</v>
      </c>
      <c r="I275" s="1" t="s">
        <v>25</v>
      </c>
      <c r="J275" s="1" t="s">
        <v>24</v>
      </c>
      <c r="K275" s="1" t="s">
        <v>25</v>
      </c>
      <c r="L275" s="1" t="s">
        <v>24</v>
      </c>
      <c r="M275" s="1" t="s">
        <v>24</v>
      </c>
      <c r="N275" s="1" t="s">
        <v>24</v>
      </c>
      <c r="O275" s="1">
        <v>34.77529973</v>
      </c>
      <c r="P275" s="1">
        <v>131.95659689999999</v>
      </c>
    </row>
    <row r="276" spans="1:16" ht="20.100000000000001" customHeight="1" x14ac:dyDescent="0.4">
      <c r="A276" s="1" t="s">
        <v>1260</v>
      </c>
      <c r="B276" s="1" t="s">
        <v>1261</v>
      </c>
      <c r="C276" s="1" t="s">
        <v>1262</v>
      </c>
      <c r="D276" s="1" t="s">
        <v>35</v>
      </c>
      <c r="E276" s="1" t="s">
        <v>1263</v>
      </c>
      <c r="F276" s="1" t="s">
        <v>339</v>
      </c>
      <c r="G276" s="3">
        <v>1</v>
      </c>
      <c r="H276" s="1" t="s">
        <v>861</v>
      </c>
      <c r="I276" s="1" t="s">
        <v>25</v>
      </c>
      <c r="J276" s="1" t="s">
        <v>24</v>
      </c>
      <c r="K276" s="1" t="s">
        <v>25</v>
      </c>
      <c r="L276" s="1" t="s">
        <v>24</v>
      </c>
      <c r="M276" s="1" t="s">
        <v>24</v>
      </c>
      <c r="N276" s="1" t="s">
        <v>24</v>
      </c>
      <c r="O276" s="1">
        <v>34.692488789999999</v>
      </c>
      <c r="P276" s="1">
        <v>131.83405830000001</v>
      </c>
    </row>
    <row r="277" spans="1:16" ht="20.100000000000001" customHeight="1" x14ac:dyDescent="0.4">
      <c r="A277" s="1" t="s">
        <v>1264</v>
      </c>
      <c r="B277" s="1" t="s">
        <v>1265</v>
      </c>
      <c r="C277" s="1" t="s">
        <v>1266</v>
      </c>
      <c r="D277" s="1" t="s">
        <v>29</v>
      </c>
      <c r="E277" s="1" t="s">
        <v>1267</v>
      </c>
      <c r="F277" s="1" t="s">
        <v>339</v>
      </c>
      <c r="G277" s="1" t="s">
        <v>1268</v>
      </c>
      <c r="H277" s="1" t="s">
        <v>861</v>
      </c>
      <c r="I277" s="1" t="s">
        <v>25</v>
      </c>
      <c r="J277" s="1" t="s">
        <v>25</v>
      </c>
      <c r="K277" s="1" t="s">
        <v>25</v>
      </c>
      <c r="L277" s="1" t="s">
        <v>24</v>
      </c>
      <c r="M277" s="1" t="s">
        <v>24</v>
      </c>
      <c r="N277" s="1" t="s">
        <v>25</v>
      </c>
      <c r="O277" s="1">
        <v>35.04529814</v>
      </c>
      <c r="P277" s="1">
        <v>132.29995600000001</v>
      </c>
    </row>
    <row r="278" spans="1:16" ht="20.100000000000001" customHeight="1" x14ac:dyDescent="0.4">
      <c r="A278" s="1" t="s">
        <v>1269</v>
      </c>
      <c r="B278" s="1" t="s">
        <v>1270</v>
      </c>
      <c r="C278" s="1" t="s">
        <v>1271</v>
      </c>
      <c r="D278" s="1" t="s">
        <v>29</v>
      </c>
      <c r="E278" s="1" t="s">
        <v>1272</v>
      </c>
      <c r="F278" s="1" t="s">
        <v>339</v>
      </c>
      <c r="G278" s="3">
        <v>1</v>
      </c>
      <c r="H278" s="1" t="s">
        <v>861</v>
      </c>
      <c r="I278" s="1" t="s">
        <v>25</v>
      </c>
      <c r="J278" s="1" t="s">
        <v>24</v>
      </c>
      <c r="K278" s="1" t="s">
        <v>25</v>
      </c>
      <c r="L278" s="1" t="s">
        <v>24</v>
      </c>
      <c r="M278" s="1" t="s">
        <v>24</v>
      </c>
      <c r="N278" s="1" t="s">
        <v>24</v>
      </c>
      <c r="O278" s="1">
        <v>35.022766220000001</v>
      </c>
      <c r="P278" s="1">
        <v>132.23206160000001</v>
      </c>
    </row>
    <row r="279" spans="1:16" ht="20.100000000000001" customHeight="1" x14ac:dyDescent="0.4">
      <c r="A279" s="1" t="s">
        <v>1273</v>
      </c>
      <c r="B279" s="1" t="s">
        <v>1274</v>
      </c>
      <c r="C279" s="1" t="s">
        <v>1275</v>
      </c>
      <c r="D279" s="1" t="s">
        <v>29</v>
      </c>
      <c r="E279" s="1" t="s">
        <v>1276</v>
      </c>
      <c r="F279" s="1" t="s">
        <v>339</v>
      </c>
      <c r="G279" s="3">
        <v>1</v>
      </c>
      <c r="H279" s="1" t="s">
        <v>861</v>
      </c>
      <c r="I279" s="1" t="s">
        <v>25</v>
      </c>
      <c r="J279" s="1" t="s">
        <v>24</v>
      </c>
      <c r="K279" s="1" t="s">
        <v>25</v>
      </c>
      <c r="L279" s="1" t="s">
        <v>24</v>
      </c>
      <c r="M279" s="1" t="s">
        <v>24</v>
      </c>
      <c r="N279" s="1" t="s">
        <v>24</v>
      </c>
      <c r="O279" s="1">
        <v>34.898110809999999</v>
      </c>
      <c r="P279" s="1">
        <v>132.08696309999999</v>
      </c>
    </row>
    <row r="280" spans="1:16" ht="20.100000000000001" customHeight="1" x14ac:dyDescent="0.4">
      <c r="A280" s="1" t="s">
        <v>1277</v>
      </c>
      <c r="B280" s="1" t="s">
        <v>196</v>
      </c>
      <c r="C280" s="1" t="s">
        <v>1278</v>
      </c>
      <c r="D280" s="1" t="s">
        <v>29</v>
      </c>
      <c r="E280" s="1" t="s">
        <v>1279</v>
      </c>
      <c r="F280" s="1" t="s">
        <v>339</v>
      </c>
      <c r="G280" s="3">
        <v>1</v>
      </c>
      <c r="H280" s="1" t="s">
        <v>861</v>
      </c>
      <c r="I280" s="1" t="s">
        <v>25</v>
      </c>
      <c r="J280" s="1" t="s">
        <v>24</v>
      </c>
      <c r="K280" s="1" t="s">
        <v>25</v>
      </c>
      <c r="L280" s="1" t="s">
        <v>24</v>
      </c>
      <c r="M280" s="1" t="s">
        <v>24</v>
      </c>
      <c r="N280" s="1" t="s">
        <v>24</v>
      </c>
      <c r="O280" s="1">
        <v>34.888269129999998</v>
      </c>
      <c r="P280" s="1">
        <v>132.06434060000001</v>
      </c>
    </row>
    <row r="281" spans="1:16" ht="20.100000000000001" customHeight="1" x14ac:dyDescent="0.4">
      <c r="A281" s="1" t="s">
        <v>1280</v>
      </c>
      <c r="B281" s="1" t="s">
        <v>1281</v>
      </c>
      <c r="C281" s="1" t="s">
        <v>1282</v>
      </c>
      <c r="D281" s="1" t="s">
        <v>53</v>
      </c>
      <c r="E281" s="1" t="s">
        <v>1283</v>
      </c>
      <c r="F281" s="1" t="s">
        <v>339</v>
      </c>
      <c r="G281" s="3">
        <v>1</v>
      </c>
      <c r="H281" s="1" t="s">
        <v>861</v>
      </c>
      <c r="I281" s="1" t="s">
        <v>25</v>
      </c>
      <c r="J281" s="1" t="s">
        <v>24</v>
      </c>
      <c r="K281" s="1" t="s">
        <v>25</v>
      </c>
      <c r="L281" s="1" t="s">
        <v>24</v>
      </c>
      <c r="M281" s="1" t="s">
        <v>24</v>
      </c>
      <c r="N281" s="1" t="s">
        <v>24</v>
      </c>
      <c r="O281" s="1">
        <v>35.431053400000003</v>
      </c>
      <c r="P281" s="1">
        <v>133.14361600000001</v>
      </c>
    </row>
    <row r="282" spans="1:16" ht="20.100000000000001" customHeight="1" x14ac:dyDescent="0.4">
      <c r="A282" s="1" t="s">
        <v>1284</v>
      </c>
      <c r="B282" s="1" t="s">
        <v>536</v>
      </c>
      <c r="C282" s="1" t="s">
        <v>1285</v>
      </c>
      <c r="D282" s="1" t="s">
        <v>53</v>
      </c>
      <c r="E282" s="1" t="s">
        <v>1286</v>
      </c>
      <c r="F282" s="1" t="s">
        <v>339</v>
      </c>
      <c r="G282" s="3">
        <v>1</v>
      </c>
      <c r="H282" s="1" t="s">
        <v>861</v>
      </c>
      <c r="I282" s="1" t="s">
        <v>25</v>
      </c>
      <c r="J282" s="1" t="s">
        <v>25</v>
      </c>
      <c r="K282" s="1" t="s">
        <v>25</v>
      </c>
      <c r="L282" s="1" t="s">
        <v>24</v>
      </c>
      <c r="M282" s="1" t="s">
        <v>24</v>
      </c>
      <c r="N282" s="1" t="s">
        <v>24</v>
      </c>
      <c r="O282" s="1">
        <v>35.431529259999998</v>
      </c>
      <c r="P282" s="1">
        <v>133.14208310000001</v>
      </c>
    </row>
    <row r="283" spans="1:16" ht="20.100000000000001" customHeight="1" x14ac:dyDescent="0.4">
      <c r="A283" s="1" t="s">
        <v>1287</v>
      </c>
      <c r="B283" s="1" t="s">
        <v>1288</v>
      </c>
      <c r="C283" s="1" t="s">
        <v>1289</v>
      </c>
      <c r="D283" s="1" t="s">
        <v>53</v>
      </c>
      <c r="E283" s="1" t="s">
        <v>1290</v>
      </c>
      <c r="F283" s="1" t="s">
        <v>339</v>
      </c>
      <c r="G283" s="3">
        <v>1</v>
      </c>
      <c r="H283" s="1" t="s">
        <v>861</v>
      </c>
      <c r="I283" s="1" t="s">
        <v>25</v>
      </c>
      <c r="J283" s="1" t="s">
        <v>24</v>
      </c>
      <c r="K283" s="1" t="s">
        <v>25</v>
      </c>
      <c r="L283" s="1" t="s">
        <v>24</v>
      </c>
      <c r="M283" s="1" t="s">
        <v>24</v>
      </c>
      <c r="N283" s="1" t="s">
        <v>24</v>
      </c>
      <c r="O283" s="1">
        <v>35.5093368</v>
      </c>
      <c r="P283" s="1">
        <v>133.00932259999999</v>
      </c>
    </row>
    <row r="284" spans="1:16" ht="20.100000000000001" customHeight="1" x14ac:dyDescent="0.4">
      <c r="A284" s="1" t="s">
        <v>1291</v>
      </c>
      <c r="B284" s="1" t="s">
        <v>1292</v>
      </c>
      <c r="C284" s="1" t="s">
        <v>1293</v>
      </c>
      <c r="D284" s="1" t="s">
        <v>53</v>
      </c>
      <c r="E284" s="1" t="s">
        <v>1294</v>
      </c>
      <c r="F284" s="1" t="s">
        <v>339</v>
      </c>
      <c r="G284" s="3">
        <v>1</v>
      </c>
      <c r="H284" s="1" t="s">
        <v>861</v>
      </c>
      <c r="I284" s="1" t="s">
        <v>25</v>
      </c>
      <c r="J284" s="1" t="s">
        <v>24</v>
      </c>
      <c r="K284" s="1" t="s">
        <v>25</v>
      </c>
      <c r="L284" s="1" t="s">
        <v>24</v>
      </c>
      <c r="M284" s="1" t="s">
        <v>24</v>
      </c>
      <c r="N284" s="1" t="s">
        <v>24</v>
      </c>
      <c r="O284" s="1">
        <v>35.423407410000003</v>
      </c>
      <c r="P284" s="1">
        <v>132.9630535</v>
      </c>
    </row>
    <row r="285" spans="1:16" ht="20.100000000000001" customHeight="1" x14ac:dyDescent="0.4">
      <c r="A285" s="1" t="s">
        <v>1295</v>
      </c>
      <c r="B285" s="1" t="s">
        <v>793</v>
      </c>
      <c r="C285" s="1" t="s">
        <v>1296</v>
      </c>
      <c r="D285" s="1" t="s">
        <v>53</v>
      </c>
      <c r="E285" s="1" t="s">
        <v>1297</v>
      </c>
      <c r="F285" s="1" t="s">
        <v>339</v>
      </c>
      <c r="G285" s="3">
        <v>1</v>
      </c>
      <c r="H285" s="1" t="s">
        <v>861</v>
      </c>
      <c r="I285" s="1" t="s">
        <v>25</v>
      </c>
      <c r="J285" s="1" t="s">
        <v>24</v>
      </c>
      <c r="K285" s="1" t="s">
        <v>25</v>
      </c>
      <c r="L285" s="1" t="s">
        <v>24</v>
      </c>
      <c r="M285" s="1" t="s">
        <v>24</v>
      </c>
      <c r="N285" s="1" t="s">
        <v>24</v>
      </c>
      <c r="O285" s="1">
        <v>35.434409049999999</v>
      </c>
      <c r="P285" s="1">
        <v>133.01436229999999</v>
      </c>
    </row>
    <row r="286" spans="1:16" ht="20.100000000000001" customHeight="1" x14ac:dyDescent="0.4">
      <c r="A286" s="1" t="s">
        <v>1298</v>
      </c>
      <c r="B286" s="1" t="s">
        <v>1299</v>
      </c>
      <c r="C286" s="1" t="s">
        <v>1300</v>
      </c>
      <c r="D286" s="1" t="s">
        <v>53</v>
      </c>
      <c r="E286" s="1" t="s">
        <v>1301</v>
      </c>
      <c r="F286" s="1" t="s">
        <v>339</v>
      </c>
      <c r="G286" s="3">
        <v>1</v>
      </c>
      <c r="H286" s="1" t="s">
        <v>861</v>
      </c>
      <c r="I286" s="1" t="s">
        <v>25</v>
      </c>
      <c r="J286" s="1" t="s">
        <v>24</v>
      </c>
      <c r="K286" s="1" t="s">
        <v>25</v>
      </c>
      <c r="L286" s="1" t="s">
        <v>24</v>
      </c>
      <c r="M286" s="1" t="s">
        <v>24</v>
      </c>
      <c r="N286" s="1" t="s">
        <v>24</v>
      </c>
      <c r="O286" s="1">
        <v>35.434409049999999</v>
      </c>
      <c r="P286" s="1">
        <v>133.01436229999999</v>
      </c>
    </row>
    <row r="287" spans="1:16" ht="20.100000000000001" customHeight="1" x14ac:dyDescent="0.4">
      <c r="A287" s="1" t="s">
        <v>1302</v>
      </c>
      <c r="B287" s="1" t="s">
        <v>1303</v>
      </c>
      <c r="C287" s="1" t="s">
        <v>1304</v>
      </c>
      <c r="D287" s="1" t="s">
        <v>35</v>
      </c>
      <c r="E287" s="1" t="s">
        <v>1305</v>
      </c>
      <c r="F287" s="1" t="s">
        <v>339</v>
      </c>
      <c r="G287" s="3">
        <v>1</v>
      </c>
      <c r="H287" s="1" t="s">
        <v>861</v>
      </c>
      <c r="I287" s="1" t="s">
        <v>25</v>
      </c>
      <c r="J287" s="1" t="s">
        <v>24</v>
      </c>
      <c r="K287" s="1" t="s">
        <v>25</v>
      </c>
      <c r="L287" s="1" t="s">
        <v>24</v>
      </c>
      <c r="M287" s="1" t="s">
        <v>24</v>
      </c>
      <c r="N287" s="1" t="s">
        <v>24</v>
      </c>
      <c r="O287" s="1">
        <v>34.679113389999998</v>
      </c>
      <c r="P287" s="1">
        <v>131.84235570000001</v>
      </c>
    </row>
    <row r="288" spans="1:16" ht="20.100000000000001" customHeight="1" x14ac:dyDescent="0.4">
      <c r="A288" s="1" t="s">
        <v>1306</v>
      </c>
      <c r="B288" s="1" t="s">
        <v>1307</v>
      </c>
      <c r="C288" s="1" t="s">
        <v>1308</v>
      </c>
      <c r="D288" s="1" t="s">
        <v>35</v>
      </c>
      <c r="E288" s="1" t="s">
        <v>1309</v>
      </c>
      <c r="F288" s="1" t="s">
        <v>339</v>
      </c>
      <c r="G288" s="3">
        <v>1</v>
      </c>
      <c r="H288" s="1" t="s">
        <v>861</v>
      </c>
      <c r="I288" s="1" t="s">
        <v>25</v>
      </c>
      <c r="J288" s="1" t="s">
        <v>24</v>
      </c>
      <c r="K288" s="1" t="s">
        <v>25</v>
      </c>
      <c r="L288" s="1" t="s">
        <v>24</v>
      </c>
      <c r="M288" s="1" t="s">
        <v>24</v>
      </c>
      <c r="N288" s="1" t="s">
        <v>24</v>
      </c>
      <c r="O288" s="1">
        <v>34.3501312</v>
      </c>
      <c r="P288" s="1">
        <v>131.9443804</v>
      </c>
    </row>
    <row r="289" spans="1:16" ht="20.100000000000001" customHeight="1" x14ac:dyDescent="0.4">
      <c r="A289" s="1" t="s">
        <v>1310</v>
      </c>
      <c r="B289" s="1" t="s">
        <v>1311</v>
      </c>
      <c r="C289" s="1" t="s">
        <v>1312</v>
      </c>
      <c r="D289" s="1" t="s">
        <v>35</v>
      </c>
      <c r="E289" s="1" t="s">
        <v>1313</v>
      </c>
      <c r="F289" s="1" t="s">
        <v>339</v>
      </c>
      <c r="G289" s="3">
        <v>1</v>
      </c>
      <c r="H289" s="1" t="s">
        <v>861</v>
      </c>
      <c r="I289" s="1" t="s">
        <v>25</v>
      </c>
      <c r="J289" s="1" t="s">
        <v>24</v>
      </c>
      <c r="K289" s="1" t="s">
        <v>25</v>
      </c>
      <c r="L289" s="1" t="s">
        <v>24</v>
      </c>
      <c r="M289" s="1" t="s">
        <v>24</v>
      </c>
      <c r="N289" s="1" t="s">
        <v>24</v>
      </c>
      <c r="O289" s="1">
        <v>34.547984710000001</v>
      </c>
      <c r="P289" s="1">
        <v>131.82709610000001</v>
      </c>
    </row>
    <row r="290" spans="1:16" ht="20.100000000000001" customHeight="1" x14ac:dyDescent="0.4">
      <c r="A290" s="1" t="s">
        <v>1314</v>
      </c>
      <c r="B290" s="1" t="s">
        <v>1315</v>
      </c>
      <c r="C290" s="1" t="s">
        <v>1316</v>
      </c>
      <c r="D290" s="1" t="s">
        <v>35</v>
      </c>
      <c r="E290" s="1" t="s">
        <v>1317</v>
      </c>
      <c r="F290" s="1" t="s">
        <v>339</v>
      </c>
      <c r="G290" s="3">
        <v>1</v>
      </c>
      <c r="H290" s="1" t="s">
        <v>861</v>
      </c>
      <c r="I290" s="1" t="s">
        <v>25</v>
      </c>
      <c r="J290" s="1" t="s">
        <v>24</v>
      </c>
      <c r="K290" s="1" t="s">
        <v>25</v>
      </c>
      <c r="L290" s="1" t="s">
        <v>24</v>
      </c>
      <c r="M290" s="1" t="s">
        <v>24</v>
      </c>
      <c r="N290" s="1" t="s">
        <v>24</v>
      </c>
      <c r="O290" s="1">
        <v>34.467452889999997</v>
      </c>
      <c r="P290" s="1">
        <v>131.77247890000001</v>
      </c>
    </row>
    <row r="291" spans="1:16" ht="20.100000000000001" customHeight="1" x14ac:dyDescent="0.4">
      <c r="A291" s="1" t="s">
        <v>1318</v>
      </c>
      <c r="B291" s="1" t="s">
        <v>243</v>
      </c>
      <c r="C291" s="1" t="s">
        <v>1319</v>
      </c>
      <c r="D291" s="1" t="s">
        <v>35</v>
      </c>
      <c r="E291" s="1" t="s">
        <v>1320</v>
      </c>
      <c r="F291" s="1" t="s">
        <v>339</v>
      </c>
      <c r="G291" s="3">
        <v>1</v>
      </c>
      <c r="H291" s="1" t="s">
        <v>861</v>
      </c>
      <c r="I291" s="1" t="s">
        <v>25</v>
      </c>
      <c r="J291" s="1" t="s">
        <v>24</v>
      </c>
      <c r="K291" s="1" t="s">
        <v>25</v>
      </c>
      <c r="L291" s="1" t="s">
        <v>24</v>
      </c>
      <c r="M291" s="1" t="s">
        <v>24</v>
      </c>
      <c r="N291" s="1" t="s">
        <v>24</v>
      </c>
      <c r="O291" s="1">
        <v>34.67835668</v>
      </c>
      <c r="P291" s="1">
        <v>131.85228290000001</v>
      </c>
    </row>
    <row r="292" spans="1:16" ht="20.100000000000001" customHeight="1" x14ac:dyDescent="0.4">
      <c r="A292" s="1" t="s">
        <v>1321</v>
      </c>
      <c r="B292" s="1" t="s">
        <v>1322</v>
      </c>
      <c r="C292" s="1" t="s">
        <v>1323</v>
      </c>
      <c r="D292" s="1" t="s">
        <v>35</v>
      </c>
      <c r="E292" s="1" t="s">
        <v>1324</v>
      </c>
      <c r="F292" s="1" t="s">
        <v>339</v>
      </c>
      <c r="G292" s="3">
        <v>1</v>
      </c>
      <c r="H292" s="1" t="s">
        <v>861</v>
      </c>
      <c r="I292" s="1" t="s">
        <v>25</v>
      </c>
      <c r="J292" s="1" t="s">
        <v>24</v>
      </c>
      <c r="K292" s="1" t="s">
        <v>25</v>
      </c>
      <c r="L292" s="1" t="s">
        <v>24</v>
      </c>
      <c r="M292" s="1" t="s">
        <v>24</v>
      </c>
      <c r="N292" s="1" t="s">
        <v>24</v>
      </c>
      <c r="O292" s="1">
        <v>34.722270100000003</v>
      </c>
      <c r="P292" s="1">
        <v>131.86625190000001</v>
      </c>
    </row>
    <row r="293" spans="1:16" ht="20.100000000000001" customHeight="1" x14ac:dyDescent="0.4">
      <c r="A293" s="1" t="s">
        <v>1325</v>
      </c>
      <c r="B293" s="1" t="s">
        <v>1326</v>
      </c>
      <c r="C293" s="1" t="s">
        <v>1327</v>
      </c>
      <c r="D293" s="1" t="s">
        <v>53</v>
      </c>
      <c r="E293" s="1" t="s">
        <v>1328</v>
      </c>
      <c r="F293" s="1" t="s">
        <v>339</v>
      </c>
      <c r="G293" s="3">
        <v>1</v>
      </c>
      <c r="H293" s="1" t="s">
        <v>861</v>
      </c>
      <c r="I293" s="1" t="s">
        <v>25</v>
      </c>
      <c r="J293" s="1" t="s">
        <v>25</v>
      </c>
      <c r="K293" s="1" t="s">
        <v>25</v>
      </c>
      <c r="L293" s="1" t="s">
        <v>24</v>
      </c>
      <c r="M293" s="1" t="s">
        <v>24</v>
      </c>
      <c r="N293" s="1" t="s">
        <v>24</v>
      </c>
      <c r="O293" s="1">
        <v>35.483775540000003</v>
      </c>
      <c r="P293" s="1">
        <v>133.06434089999999</v>
      </c>
    </row>
    <row r="294" spans="1:16" ht="20.100000000000001" customHeight="1" x14ac:dyDescent="0.4">
      <c r="A294" s="1" t="s">
        <v>1329</v>
      </c>
      <c r="B294" s="1" t="s">
        <v>405</v>
      </c>
      <c r="C294" s="1" t="s">
        <v>1330</v>
      </c>
      <c r="D294" s="1" t="s">
        <v>53</v>
      </c>
      <c r="E294" s="1" t="s">
        <v>1331</v>
      </c>
      <c r="F294" s="1" t="s">
        <v>339</v>
      </c>
      <c r="G294" s="3">
        <v>1</v>
      </c>
      <c r="H294" s="1" t="s">
        <v>861</v>
      </c>
      <c r="I294" s="1" t="s">
        <v>25</v>
      </c>
      <c r="J294" s="1" t="s">
        <v>24</v>
      </c>
      <c r="K294" s="1" t="s">
        <v>25</v>
      </c>
      <c r="L294" s="1" t="s">
        <v>24</v>
      </c>
      <c r="M294" s="1" t="s">
        <v>24</v>
      </c>
      <c r="N294" s="1" t="s">
        <v>24</v>
      </c>
      <c r="O294" s="1">
        <v>35.445438379999999</v>
      </c>
      <c r="P294" s="1">
        <v>133.06758260000001</v>
      </c>
    </row>
    <row r="295" spans="1:16" ht="20.100000000000001" customHeight="1" x14ac:dyDescent="0.4">
      <c r="A295" s="1" t="s">
        <v>1332</v>
      </c>
      <c r="B295" s="1" t="s">
        <v>1288</v>
      </c>
      <c r="C295" s="1" t="s">
        <v>1333</v>
      </c>
      <c r="D295" s="1" t="s">
        <v>53</v>
      </c>
      <c r="E295" s="1" t="s">
        <v>1334</v>
      </c>
      <c r="F295" s="1" t="s">
        <v>339</v>
      </c>
      <c r="G295" s="3">
        <v>1</v>
      </c>
      <c r="H295" s="1" t="s">
        <v>861</v>
      </c>
      <c r="I295" s="1" t="s">
        <v>25</v>
      </c>
      <c r="J295" s="1" t="s">
        <v>24</v>
      </c>
      <c r="K295" s="1" t="s">
        <v>25</v>
      </c>
      <c r="L295" s="1" t="s">
        <v>24</v>
      </c>
      <c r="M295" s="1" t="s">
        <v>24</v>
      </c>
      <c r="N295" s="1" t="s">
        <v>24</v>
      </c>
      <c r="O295" s="1">
        <v>35.519341699999998</v>
      </c>
      <c r="P295" s="1">
        <v>133.01118990000001</v>
      </c>
    </row>
    <row r="296" spans="1:16" ht="20.100000000000001" customHeight="1" x14ac:dyDescent="0.4">
      <c r="A296" s="1" t="s">
        <v>1335</v>
      </c>
      <c r="B296" s="1" t="s">
        <v>311</v>
      </c>
      <c r="C296" s="1" t="s">
        <v>1336</v>
      </c>
      <c r="D296" s="1" t="s">
        <v>53</v>
      </c>
      <c r="E296" s="1" t="s">
        <v>1337</v>
      </c>
      <c r="F296" s="1" t="s">
        <v>339</v>
      </c>
      <c r="G296" s="3">
        <v>1</v>
      </c>
      <c r="H296" s="1" t="s">
        <v>861</v>
      </c>
      <c r="I296" s="1" t="s">
        <v>25</v>
      </c>
      <c r="J296" s="1" t="s">
        <v>25</v>
      </c>
      <c r="K296" s="1" t="s">
        <v>25</v>
      </c>
      <c r="L296" s="1" t="s">
        <v>24</v>
      </c>
      <c r="M296" s="1" t="s">
        <v>24</v>
      </c>
      <c r="N296" s="1" t="s">
        <v>24</v>
      </c>
      <c r="O296" s="1">
        <v>35.47934317</v>
      </c>
      <c r="P296" s="1">
        <v>133.06618789999999</v>
      </c>
    </row>
    <row r="297" spans="1:16" ht="20.100000000000001" customHeight="1" x14ac:dyDescent="0.4">
      <c r="A297" s="1" t="s">
        <v>1338</v>
      </c>
      <c r="B297" s="1" t="s">
        <v>1339</v>
      </c>
      <c r="C297" s="1" t="s">
        <v>1340</v>
      </c>
      <c r="D297" s="1" t="s">
        <v>53</v>
      </c>
      <c r="E297" s="1" t="s">
        <v>1341</v>
      </c>
      <c r="F297" s="1" t="s">
        <v>339</v>
      </c>
      <c r="G297" s="3">
        <v>1</v>
      </c>
      <c r="H297" s="1" t="s">
        <v>861</v>
      </c>
      <c r="I297" s="1" t="s">
        <v>25</v>
      </c>
      <c r="J297" s="1" t="s">
        <v>24</v>
      </c>
      <c r="K297" s="1" t="s">
        <v>25</v>
      </c>
      <c r="L297" s="1" t="s">
        <v>24</v>
      </c>
      <c r="M297" s="1" t="s">
        <v>24</v>
      </c>
      <c r="N297" s="1" t="s">
        <v>24</v>
      </c>
      <c r="O297" s="1">
        <v>35.432205629999999</v>
      </c>
      <c r="P297" s="1">
        <v>133.03063760000001</v>
      </c>
    </row>
    <row r="298" spans="1:16" ht="20.100000000000001" customHeight="1" x14ac:dyDescent="0.4">
      <c r="A298" s="1" t="s">
        <v>1342</v>
      </c>
      <c r="B298" s="1" t="s">
        <v>683</v>
      </c>
      <c r="C298" s="1" t="s">
        <v>1343</v>
      </c>
      <c r="D298" s="1" t="s">
        <v>53</v>
      </c>
      <c r="E298" s="1" t="s">
        <v>1344</v>
      </c>
      <c r="F298" s="1" t="s">
        <v>339</v>
      </c>
      <c r="G298" s="3">
        <v>1</v>
      </c>
      <c r="H298" s="1" t="s">
        <v>861</v>
      </c>
      <c r="I298" s="1" t="s">
        <v>25</v>
      </c>
      <c r="J298" s="1" t="s">
        <v>25</v>
      </c>
      <c r="K298" s="1" t="s">
        <v>25</v>
      </c>
      <c r="L298" s="1" t="s">
        <v>24</v>
      </c>
      <c r="M298" s="1" t="s">
        <v>24</v>
      </c>
      <c r="N298" s="1" t="s">
        <v>24</v>
      </c>
      <c r="O298" s="1">
        <v>35.443681410000003</v>
      </c>
      <c r="P298" s="1">
        <v>133.04686749999999</v>
      </c>
    </row>
    <row r="299" spans="1:16" ht="20.100000000000001" customHeight="1" x14ac:dyDescent="0.4">
      <c r="A299" s="1" t="s">
        <v>1345</v>
      </c>
      <c r="B299" s="1" t="s">
        <v>1346</v>
      </c>
      <c r="C299" s="1" t="s">
        <v>1347</v>
      </c>
      <c r="D299" s="1" t="s">
        <v>53</v>
      </c>
      <c r="E299" s="1" t="s">
        <v>1348</v>
      </c>
      <c r="F299" s="1" t="s">
        <v>339</v>
      </c>
      <c r="G299" s="3">
        <v>1</v>
      </c>
      <c r="H299" s="1" t="s">
        <v>861</v>
      </c>
      <c r="I299" s="1" t="s">
        <v>25</v>
      </c>
      <c r="J299" s="1" t="s">
        <v>25</v>
      </c>
      <c r="K299" s="1" t="s">
        <v>25</v>
      </c>
      <c r="L299" s="1" t="s">
        <v>24</v>
      </c>
      <c r="M299" s="1" t="s">
        <v>24</v>
      </c>
      <c r="N299" s="1" t="s">
        <v>24</v>
      </c>
      <c r="O299" s="1">
        <v>35.490093469999998</v>
      </c>
      <c r="P299" s="1">
        <v>133.0367588</v>
      </c>
    </row>
    <row r="300" spans="1:16" ht="20.100000000000001" customHeight="1" x14ac:dyDescent="0.4">
      <c r="A300" s="1" t="s">
        <v>1349</v>
      </c>
      <c r="B300" s="1" t="s">
        <v>1350</v>
      </c>
      <c r="C300" s="1" t="s">
        <v>1351</v>
      </c>
      <c r="D300" s="1" t="s">
        <v>53</v>
      </c>
      <c r="E300" s="1" t="s">
        <v>1352</v>
      </c>
      <c r="F300" s="1" t="s">
        <v>339</v>
      </c>
      <c r="G300" s="3">
        <v>1</v>
      </c>
      <c r="H300" s="1" t="s">
        <v>861</v>
      </c>
      <c r="I300" s="1" t="s">
        <v>25</v>
      </c>
      <c r="J300" s="1" t="s">
        <v>24</v>
      </c>
      <c r="K300" s="1" t="s">
        <v>25</v>
      </c>
      <c r="L300" s="1" t="s">
        <v>24</v>
      </c>
      <c r="M300" s="1" t="s">
        <v>24</v>
      </c>
      <c r="N300" s="1" t="s">
        <v>24</v>
      </c>
      <c r="O300" s="1">
        <v>35.413033550000002</v>
      </c>
      <c r="P300" s="1">
        <v>133.09611670000001</v>
      </c>
    </row>
    <row r="301" spans="1:16" ht="20.100000000000001" customHeight="1" x14ac:dyDescent="0.4">
      <c r="A301" s="1" t="s">
        <v>1353</v>
      </c>
      <c r="B301" s="1" t="s">
        <v>1354</v>
      </c>
      <c r="C301" s="1" t="s">
        <v>1355</v>
      </c>
      <c r="D301" s="1" t="s">
        <v>19</v>
      </c>
      <c r="E301" s="1" t="s">
        <v>1356</v>
      </c>
      <c r="F301" s="1" t="s">
        <v>339</v>
      </c>
      <c r="G301" s="3">
        <v>1</v>
      </c>
      <c r="H301" s="1" t="s">
        <v>861</v>
      </c>
      <c r="I301" s="1" t="s">
        <v>25</v>
      </c>
      <c r="J301" s="1" t="s">
        <v>25</v>
      </c>
      <c r="K301" s="1" t="s">
        <v>25</v>
      </c>
      <c r="L301" s="1" t="s">
        <v>24</v>
      </c>
      <c r="M301" s="1" t="s">
        <v>24</v>
      </c>
      <c r="N301" s="1" t="s">
        <v>24</v>
      </c>
      <c r="O301" s="1">
        <v>35.426801990000001</v>
      </c>
      <c r="P301" s="1">
        <v>132.81186059999999</v>
      </c>
    </row>
    <row r="302" spans="1:16" ht="20.100000000000001" customHeight="1" x14ac:dyDescent="0.4">
      <c r="A302" s="1" t="s">
        <v>1357</v>
      </c>
      <c r="B302" s="1" t="s">
        <v>303</v>
      </c>
      <c r="C302" s="1" t="s">
        <v>1358</v>
      </c>
      <c r="D302" s="1" t="s">
        <v>19</v>
      </c>
      <c r="E302" s="1" t="s">
        <v>1359</v>
      </c>
      <c r="F302" s="1" t="s">
        <v>339</v>
      </c>
      <c r="G302" s="3">
        <v>1</v>
      </c>
      <c r="H302" s="1" t="s">
        <v>861</v>
      </c>
      <c r="I302" s="1" t="s">
        <v>25</v>
      </c>
      <c r="J302" s="1" t="s">
        <v>25</v>
      </c>
      <c r="K302" s="1" t="s">
        <v>25</v>
      </c>
      <c r="L302" s="1" t="s">
        <v>24</v>
      </c>
      <c r="M302" s="1" t="s">
        <v>24</v>
      </c>
      <c r="N302" s="1" t="s">
        <v>24</v>
      </c>
      <c r="O302" s="1">
        <v>35.357931800000003</v>
      </c>
      <c r="P302" s="1">
        <v>132.7296747</v>
      </c>
    </row>
    <row r="303" spans="1:16" ht="20.100000000000001" customHeight="1" x14ac:dyDescent="0.4">
      <c r="A303" s="1" t="s">
        <v>1360</v>
      </c>
      <c r="B303" s="1" t="s">
        <v>225</v>
      </c>
      <c r="C303" s="1" t="s">
        <v>1361</v>
      </c>
      <c r="D303" s="1" t="s">
        <v>19</v>
      </c>
      <c r="E303" s="1" t="s">
        <v>1362</v>
      </c>
      <c r="F303" s="1" t="s">
        <v>339</v>
      </c>
      <c r="G303" s="3">
        <v>1</v>
      </c>
      <c r="H303" s="1" t="s">
        <v>861</v>
      </c>
      <c r="I303" s="1" t="s">
        <v>25</v>
      </c>
      <c r="J303" s="1" t="s">
        <v>24</v>
      </c>
      <c r="K303" s="1" t="s">
        <v>25</v>
      </c>
      <c r="L303" s="1" t="s">
        <v>24</v>
      </c>
      <c r="M303" s="1" t="s">
        <v>24</v>
      </c>
      <c r="N303" s="1" t="s">
        <v>24</v>
      </c>
      <c r="O303" s="1">
        <v>35.440012889999998</v>
      </c>
      <c r="P303" s="1">
        <v>132.8248116</v>
      </c>
    </row>
    <row r="304" spans="1:16" ht="20.100000000000001" customHeight="1" x14ac:dyDescent="0.4">
      <c r="A304" s="1" t="s">
        <v>1363</v>
      </c>
      <c r="B304" s="1" t="s">
        <v>1364</v>
      </c>
      <c r="C304" s="1" t="s">
        <v>1365</v>
      </c>
      <c r="D304" s="1" t="s">
        <v>19</v>
      </c>
      <c r="E304" s="1" t="s">
        <v>1366</v>
      </c>
      <c r="F304" s="1" t="s">
        <v>339</v>
      </c>
      <c r="G304" s="3">
        <v>1</v>
      </c>
      <c r="H304" s="1" t="s">
        <v>861</v>
      </c>
      <c r="I304" s="1" t="s">
        <v>25</v>
      </c>
      <c r="J304" s="1" t="s">
        <v>24</v>
      </c>
      <c r="K304" s="1" t="s">
        <v>25</v>
      </c>
      <c r="L304" s="1" t="s">
        <v>24</v>
      </c>
      <c r="M304" s="1" t="s">
        <v>24</v>
      </c>
      <c r="N304" s="1" t="s">
        <v>24</v>
      </c>
      <c r="O304" s="1">
        <v>35.38215057</v>
      </c>
      <c r="P304" s="1">
        <v>132.6973903</v>
      </c>
    </row>
    <row r="305" spans="1:16" ht="20.100000000000001" customHeight="1" x14ac:dyDescent="0.4">
      <c r="A305" s="1" t="s">
        <v>1367</v>
      </c>
      <c r="B305" s="1" t="s">
        <v>1368</v>
      </c>
      <c r="C305" s="1" t="s">
        <v>1369</v>
      </c>
      <c r="D305" s="1" t="s">
        <v>19</v>
      </c>
      <c r="E305" s="1" t="s">
        <v>1370</v>
      </c>
      <c r="F305" s="1" t="s">
        <v>339</v>
      </c>
      <c r="G305" s="3">
        <v>1</v>
      </c>
      <c r="H305" s="1" t="s">
        <v>861</v>
      </c>
      <c r="I305" s="1" t="s">
        <v>25</v>
      </c>
      <c r="J305" s="1" t="s">
        <v>25</v>
      </c>
      <c r="K305" s="1" t="s">
        <v>25</v>
      </c>
      <c r="L305" s="1" t="s">
        <v>24</v>
      </c>
      <c r="M305" s="1" t="s">
        <v>24</v>
      </c>
      <c r="N305" s="1" t="s">
        <v>24</v>
      </c>
      <c r="O305" s="1">
        <v>35.366336939999997</v>
      </c>
      <c r="P305" s="1">
        <v>132.7994588</v>
      </c>
    </row>
    <row r="306" spans="1:16" ht="20.100000000000001" customHeight="1" x14ac:dyDescent="0.4">
      <c r="A306" s="1" t="s">
        <v>1371</v>
      </c>
      <c r="B306" s="1" t="s">
        <v>237</v>
      </c>
      <c r="C306" s="1" t="s">
        <v>1372</v>
      </c>
      <c r="D306" s="1" t="s">
        <v>19</v>
      </c>
      <c r="E306" s="1" t="s">
        <v>1373</v>
      </c>
      <c r="F306" s="1" t="s">
        <v>339</v>
      </c>
      <c r="G306" s="3">
        <v>1</v>
      </c>
      <c r="H306" s="1" t="s">
        <v>861</v>
      </c>
      <c r="I306" s="1" t="s">
        <v>25</v>
      </c>
      <c r="J306" s="1" t="s">
        <v>25</v>
      </c>
      <c r="K306" s="1" t="s">
        <v>25</v>
      </c>
      <c r="L306" s="1" t="s">
        <v>24</v>
      </c>
      <c r="M306" s="1" t="s">
        <v>24</v>
      </c>
      <c r="N306" s="1" t="s">
        <v>24</v>
      </c>
      <c r="O306" s="1">
        <v>35.395177670000002</v>
      </c>
      <c r="P306" s="1">
        <v>132.84758220000001</v>
      </c>
    </row>
    <row r="307" spans="1:16" ht="20.100000000000001" customHeight="1" x14ac:dyDescent="0.4">
      <c r="A307" s="1" t="s">
        <v>1374</v>
      </c>
      <c r="B307" s="1" t="s">
        <v>225</v>
      </c>
      <c r="C307" s="1" t="s">
        <v>1375</v>
      </c>
      <c r="D307" s="1" t="s">
        <v>19</v>
      </c>
      <c r="E307" s="1" t="s">
        <v>1376</v>
      </c>
      <c r="F307" s="1" t="s">
        <v>339</v>
      </c>
      <c r="G307" s="3">
        <v>1</v>
      </c>
      <c r="H307" s="1" t="s">
        <v>861</v>
      </c>
      <c r="I307" s="1" t="s">
        <v>25</v>
      </c>
      <c r="J307" s="1" t="s">
        <v>25</v>
      </c>
      <c r="K307" s="1" t="s">
        <v>25</v>
      </c>
      <c r="L307" s="1" t="s">
        <v>24</v>
      </c>
      <c r="M307" s="1" t="s">
        <v>24</v>
      </c>
      <c r="N307" s="1" t="s">
        <v>24</v>
      </c>
      <c r="O307" s="1">
        <v>35.434132439999999</v>
      </c>
      <c r="P307" s="1">
        <v>132.82449890000001</v>
      </c>
    </row>
    <row r="308" spans="1:16" ht="20.100000000000001" customHeight="1" x14ac:dyDescent="0.4">
      <c r="A308" s="1" t="s">
        <v>1377</v>
      </c>
      <c r="B308" s="1" t="s">
        <v>225</v>
      </c>
      <c r="C308" s="1" t="s">
        <v>1378</v>
      </c>
      <c r="D308" s="1" t="s">
        <v>19</v>
      </c>
      <c r="E308" s="1" t="s">
        <v>875</v>
      </c>
      <c r="F308" s="1" t="s">
        <v>339</v>
      </c>
      <c r="G308" s="3">
        <v>1</v>
      </c>
      <c r="H308" s="1" t="s">
        <v>861</v>
      </c>
      <c r="I308" s="1" t="s">
        <v>25</v>
      </c>
      <c r="J308" s="1" t="s">
        <v>24</v>
      </c>
      <c r="K308" s="1" t="s">
        <v>25</v>
      </c>
      <c r="L308" s="1" t="s">
        <v>24</v>
      </c>
      <c r="M308" s="1" t="s">
        <v>24</v>
      </c>
      <c r="N308" s="1" t="s">
        <v>24</v>
      </c>
      <c r="O308" s="1">
        <v>35.439180970000002</v>
      </c>
      <c r="P308" s="1">
        <v>132.82452269999999</v>
      </c>
    </row>
    <row r="309" spans="1:16" ht="20.100000000000001" customHeight="1" x14ac:dyDescent="0.4">
      <c r="A309" s="1" t="s">
        <v>1379</v>
      </c>
      <c r="B309" s="1" t="s">
        <v>17</v>
      </c>
      <c r="C309" s="1" t="s">
        <v>1380</v>
      </c>
      <c r="D309" s="1" t="s">
        <v>19</v>
      </c>
      <c r="E309" s="1" t="s">
        <v>1381</v>
      </c>
      <c r="F309" s="1" t="s">
        <v>339</v>
      </c>
      <c r="G309" s="3">
        <v>1</v>
      </c>
      <c r="H309" s="1" t="s">
        <v>861</v>
      </c>
      <c r="I309" s="1" t="s">
        <v>25</v>
      </c>
      <c r="J309" s="1" t="s">
        <v>24</v>
      </c>
      <c r="K309" s="1" t="s">
        <v>25</v>
      </c>
      <c r="L309" s="1" t="s">
        <v>24</v>
      </c>
      <c r="M309" s="1" t="s">
        <v>24</v>
      </c>
      <c r="N309" s="1" t="s">
        <v>24</v>
      </c>
      <c r="O309" s="1">
        <v>35.460473960000002</v>
      </c>
      <c r="P309" s="1">
        <v>132.88484349999999</v>
      </c>
    </row>
    <row r="310" spans="1:16" ht="20.100000000000001" customHeight="1" x14ac:dyDescent="0.4">
      <c r="A310" s="1" t="s">
        <v>1382</v>
      </c>
      <c r="B310" s="1" t="s">
        <v>1383</v>
      </c>
      <c r="C310" s="1" t="s">
        <v>1384</v>
      </c>
      <c r="D310" s="1" t="s">
        <v>29</v>
      </c>
      <c r="E310" s="1" t="s">
        <v>1385</v>
      </c>
      <c r="F310" s="1" t="s">
        <v>339</v>
      </c>
      <c r="G310" s="3">
        <v>1</v>
      </c>
      <c r="H310" s="1" t="s">
        <v>861</v>
      </c>
      <c r="I310" s="1" t="s">
        <v>25</v>
      </c>
      <c r="J310" s="1" t="s">
        <v>25</v>
      </c>
      <c r="K310" s="1" t="s">
        <v>25</v>
      </c>
      <c r="L310" s="1" t="s">
        <v>24</v>
      </c>
      <c r="M310" s="1" t="s">
        <v>24</v>
      </c>
      <c r="N310" s="1" t="s">
        <v>24</v>
      </c>
      <c r="O310" s="1">
        <v>34.896865679999998</v>
      </c>
      <c r="P310" s="1">
        <v>132.0759204</v>
      </c>
    </row>
    <row r="311" spans="1:16" ht="20.100000000000001" customHeight="1" x14ac:dyDescent="0.4">
      <c r="A311" s="1" t="s">
        <v>1386</v>
      </c>
      <c r="B311" s="1" t="s">
        <v>1387</v>
      </c>
      <c r="C311" s="1" t="s">
        <v>1388</v>
      </c>
      <c r="D311" s="1" t="s">
        <v>29</v>
      </c>
      <c r="E311" s="1" t="s">
        <v>1389</v>
      </c>
      <c r="F311" s="1" t="s">
        <v>339</v>
      </c>
      <c r="G311" s="3">
        <v>1</v>
      </c>
      <c r="H311" s="1" t="s">
        <v>861</v>
      </c>
      <c r="I311" s="1" t="s">
        <v>25</v>
      </c>
      <c r="J311" s="1" t="s">
        <v>24</v>
      </c>
      <c r="K311" s="1" t="s">
        <v>25</v>
      </c>
      <c r="L311" s="1" t="s">
        <v>24</v>
      </c>
      <c r="M311" s="1" t="s">
        <v>24</v>
      </c>
      <c r="N311" s="1" t="s">
        <v>24</v>
      </c>
      <c r="O311" s="1">
        <v>34.905886219999999</v>
      </c>
      <c r="P311" s="1">
        <v>132.0995935</v>
      </c>
    </row>
    <row r="312" spans="1:16" ht="20.100000000000001" customHeight="1" x14ac:dyDescent="0.4">
      <c r="A312" s="1" t="s">
        <v>1390</v>
      </c>
      <c r="B312" s="1" t="s">
        <v>1391</v>
      </c>
      <c r="C312" s="1" t="s">
        <v>1392</v>
      </c>
      <c r="D312" s="1" t="s">
        <v>29</v>
      </c>
      <c r="E312" s="1" t="s">
        <v>1393</v>
      </c>
      <c r="F312" s="1" t="s">
        <v>339</v>
      </c>
      <c r="G312" s="3">
        <v>1</v>
      </c>
      <c r="H312" s="1" t="s">
        <v>861</v>
      </c>
      <c r="I312" s="1" t="s">
        <v>25</v>
      </c>
      <c r="J312" s="1" t="s">
        <v>25</v>
      </c>
      <c r="K312" s="1" t="s">
        <v>25</v>
      </c>
      <c r="L312" s="1" t="s">
        <v>24</v>
      </c>
      <c r="M312" s="1" t="s">
        <v>24</v>
      </c>
      <c r="N312" s="1" t="s">
        <v>24</v>
      </c>
      <c r="O312" s="1">
        <v>34.86592452</v>
      </c>
      <c r="P312" s="1">
        <v>132.0296846</v>
      </c>
    </row>
    <row r="313" spans="1:16" ht="20.100000000000001" customHeight="1" x14ac:dyDescent="0.4">
      <c r="A313" s="1" t="s">
        <v>1394</v>
      </c>
      <c r="B313" s="1" t="s">
        <v>683</v>
      </c>
      <c r="C313" s="1" t="s">
        <v>1395</v>
      </c>
      <c r="D313" s="1" t="s">
        <v>53</v>
      </c>
      <c r="E313" s="1" t="s">
        <v>1396</v>
      </c>
      <c r="F313" s="1" t="s">
        <v>339</v>
      </c>
      <c r="G313" s="3">
        <v>1</v>
      </c>
      <c r="H313" s="1" t="s">
        <v>861</v>
      </c>
      <c r="I313" s="1" t="s">
        <v>25</v>
      </c>
      <c r="J313" s="1" t="s">
        <v>25</v>
      </c>
      <c r="K313" s="1" t="s">
        <v>25</v>
      </c>
      <c r="L313" s="1" t="s">
        <v>24</v>
      </c>
      <c r="M313" s="1" t="s">
        <v>24</v>
      </c>
      <c r="N313" s="1" t="s">
        <v>24</v>
      </c>
      <c r="O313" s="1">
        <v>35.444378450000002</v>
      </c>
      <c r="P313" s="1">
        <v>133.0583714</v>
      </c>
    </row>
    <row r="314" spans="1:16" ht="20.100000000000001" customHeight="1" x14ac:dyDescent="0.4">
      <c r="A314" s="1" t="s">
        <v>1397</v>
      </c>
      <c r="B314" s="1" t="s">
        <v>196</v>
      </c>
      <c r="C314" s="1" t="s">
        <v>1398</v>
      </c>
      <c r="D314" s="1" t="s">
        <v>29</v>
      </c>
      <c r="E314" s="1" t="s">
        <v>1399</v>
      </c>
      <c r="F314" s="1" t="s">
        <v>339</v>
      </c>
      <c r="G314" s="3">
        <v>1</v>
      </c>
      <c r="H314" s="1" t="s">
        <v>861</v>
      </c>
      <c r="I314" s="1" t="s">
        <v>25</v>
      </c>
      <c r="J314" s="1" t="s">
        <v>25</v>
      </c>
      <c r="K314" s="1" t="s">
        <v>25</v>
      </c>
      <c r="L314" s="1" t="s">
        <v>24</v>
      </c>
      <c r="M314" s="1" t="s">
        <v>24</v>
      </c>
      <c r="N314" s="1" t="s">
        <v>24</v>
      </c>
      <c r="O314" s="1">
        <v>34.882013710000003</v>
      </c>
      <c r="P314" s="1">
        <v>132.06248790000001</v>
      </c>
    </row>
    <row r="315" spans="1:16" ht="20.100000000000001" customHeight="1" x14ac:dyDescent="0.4">
      <c r="A315" s="1" t="s">
        <v>1400</v>
      </c>
      <c r="B315" s="1" t="s">
        <v>1401</v>
      </c>
      <c r="C315" s="1" t="s">
        <v>1402</v>
      </c>
      <c r="D315" s="1" t="s">
        <v>19</v>
      </c>
      <c r="E315" s="1" t="s">
        <v>1403</v>
      </c>
      <c r="F315" s="1" t="s">
        <v>339</v>
      </c>
      <c r="G315" s="3">
        <v>1</v>
      </c>
      <c r="H315" s="1" t="s">
        <v>861</v>
      </c>
      <c r="I315" s="1" t="s">
        <v>25</v>
      </c>
      <c r="J315" s="1" t="s">
        <v>25</v>
      </c>
      <c r="K315" s="1" t="s">
        <v>25</v>
      </c>
      <c r="L315" s="1" t="s">
        <v>24</v>
      </c>
      <c r="M315" s="1" t="s">
        <v>24</v>
      </c>
      <c r="N315" s="1" t="s">
        <v>24</v>
      </c>
      <c r="O315" s="1">
        <v>35.359648589999999</v>
      </c>
      <c r="P315" s="1">
        <v>132.6947175</v>
      </c>
    </row>
    <row r="316" spans="1:16" ht="20.100000000000001" customHeight="1" x14ac:dyDescent="0.4">
      <c r="A316" s="1" t="s">
        <v>1404</v>
      </c>
      <c r="B316" s="1" t="s">
        <v>1405</v>
      </c>
      <c r="C316" s="1" t="s">
        <v>1406</v>
      </c>
      <c r="D316" s="1" t="s">
        <v>19</v>
      </c>
      <c r="E316" s="1" t="s">
        <v>1407</v>
      </c>
      <c r="F316" s="1" t="s">
        <v>339</v>
      </c>
      <c r="G316" s="3">
        <v>1</v>
      </c>
      <c r="H316" s="1" t="s">
        <v>861</v>
      </c>
      <c r="I316" s="1" t="s">
        <v>25</v>
      </c>
      <c r="J316" s="1" t="s">
        <v>24</v>
      </c>
      <c r="K316" s="1" t="s">
        <v>25</v>
      </c>
      <c r="L316" s="1" t="s">
        <v>24</v>
      </c>
      <c r="M316" s="1" t="s">
        <v>24</v>
      </c>
      <c r="N316" s="1" t="s">
        <v>24</v>
      </c>
      <c r="O316" s="1">
        <v>35.339331479999998</v>
      </c>
      <c r="P316" s="1">
        <v>132.69650110000001</v>
      </c>
    </row>
    <row r="317" spans="1:16" ht="20.100000000000001" customHeight="1" x14ac:dyDescent="0.4">
      <c r="A317" s="1" t="s">
        <v>1408</v>
      </c>
      <c r="B317" s="1" t="s">
        <v>255</v>
      </c>
      <c r="C317" s="1" t="s">
        <v>1409</v>
      </c>
      <c r="D317" s="1" t="s">
        <v>19</v>
      </c>
      <c r="E317" s="1" t="s">
        <v>1410</v>
      </c>
      <c r="F317" s="1" t="s">
        <v>339</v>
      </c>
      <c r="G317" s="3">
        <v>1</v>
      </c>
      <c r="H317" s="1" t="s">
        <v>861</v>
      </c>
      <c r="I317" s="1" t="s">
        <v>25</v>
      </c>
      <c r="J317" s="1" t="s">
        <v>25</v>
      </c>
      <c r="K317" s="1" t="s">
        <v>25</v>
      </c>
      <c r="L317" s="1" t="s">
        <v>24</v>
      </c>
      <c r="M317" s="1" t="s">
        <v>24</v>
      </c>
      <c r="N317" s="1" t="s">
        <v>24</v>
      </c>
      <c r="O317" s="1">
        <v>35.360125770000003</v>
      </c>
      <c r="P317" s="1">
        <v>132.75925520000001</v>
      </c>
    </row>
    <row r="318" spans="1:16" ht="20.100000000000001" customHeight="1" x14ac:dyDescent="0.4">
      <c r="A318" s="1" t="s">
        <v>1411</v>
      </c>
      <c r="B318" s="1" t="s">
        <v>1412</v>
      </c>
      <c r="C318" s="1" t="s">
        <v>1413</v>
      </c>
      <c r="D318" s="1" t="s">
        <v>19</v>
      </c>
      <c r="E318" s="1" t="s">
        <v>1414</v>
      </c>
      <c r="F318" s="1" t="s">
        <v>339</v>
      </c>
      <c r="G318" s="3">
        <v>1</v>
      </c>
      <c r="H318" s="1" t="s">
        <v>861</v>
      </c>
      <c r="I318" s="1" t="s">
        <v>25</v>
      </c>
      <c r="J318" s="1" t="s">
        <v>25</v>
      </c>
      <c r="K318" s="1" t="s">
        <v>25</v>
      </c>
      <c r="L318" s="1" t="s">
        <v>24</v>
      </c>
      <c r="M318" s="1" t="s">
        <v>24</v>
      </c>
      <c r="N318" s="1" t="s">
        <v>24</v>
      </c>
      <c r="O318" s="1">
        <v>35.384314340000003</v>
      </c>
      <c r="P318" s="1">
        <v>132.72835549999999</v>
      </c>
    </row>
    <row r="319" spans="1:16" ht="20.100000000000001" customHeight="1" x14ac:dyDescent="0.4">
      <c r="A319" s="1" t="s">
        <v>1415</v>
      </c>
      <c r="B319" s="1" t="s">
        <v>1416</v>
      </c>
      <c r="C319" s="1" t="s">
        <v>1417</v>
      </c>
      <c r="D319" s="1" t="s">
        <v>19</v>
      </c>
      <c r="E319" s="1" t="s">
        <v>1418</v>
      </c>
      <c r="F319" s="1" t="s">
        <v>339</v>
      </c>
      <c r="G319" s="3">
        <v>1</v>
      </c>
      <c r="H319" s="1" t="s">
        <v>861</v>
      </c>
      <c r="I319" s="1" t="s">
        <v>25</v>
      </c>
      <c r="J319" s="1" t="s">
        <v>24</v>
      </c>
      <c r="K319" s="1" t="s">
        <v>25</v>
      </c>
      <c r="L319" s="1" t="s">
        <v>24</v>
      </c>
      <c r="M319" s="1" t="s">
        <v>24</v>
      </c>
      <c r="N319" s="1" t="s">
        <v>24</v>
      </c>
      <c r="O319" s="1">
        <v>35.373160380000002</v>
      </c>
      <c r="P319" s="1">
        <v>132.7656021</v>
      </c>
    </row>
    <row r="320" spans="1:16" ht="20.100000000000001" customHeight="1" x14ac:dyDescent="0.4">
      <c r="A320" s="1" t="s">
        <v>1419</v>
      </c>
      <c r="B320" s="1" t="s">
        <v>1420</v>
      </c>
      <c r="C320" s="1" t="s">
        <v>1421</v>
      </c>
      <c r="D320" s="1" t="s">
        <v>19</v>
      </c>
      <c r="E320" s="1" t="s">
        <v>1422</v>
      </c>
      <c r="F320" s="1" t="s">
        <v>339</v>
      </c>
      <c r="G320" s="3">
        <v>1</v>
      </c>
      <c r="H320" s="1" t="s">
        <v>861</v>
      </c>
      <c r="I320" s="1" t="s">
        <v>25</v>
      </c>
      <c r="J320" s="1" t="s">
        <v>25</v>
      </c>
      <c r="K320" s="1" t="s">
        <v>25</v>
      </c>
      <c r="L320" s="1" t="s">
        <v>24</v>
      </c>
      <c r="M320" s="1" t="s">
        <v>24</v>
      </c>
      <c r="N320" s="1" t="s">
        <v>24</v>
      </c>
      <c r="O320" s="1">
        <v>35.328131259999999</v>
      </c>
      <c r="P320" s="1">
        <v>132.6743199</v>
      </c>
    </row>
    <row r="321" spans="1:16" ht="20.100000000000001" customHeight="1" x14ac:dyDescent="0.4">
      <c r="A321" s="1" t="s">
        <v>1423</v>
      </c>
      <c r="B321" s="1" t="s">
        <v>1424</v>
      </c>
      <c r="C321" s="1" t="s">
        <v>1425</v>
      </c>
      <c r="D321" s="1" t="s">
        <v>53</v>
      </c>
      <c r="E321" s="1" t="s">
        <v>1426</v>
      </c>
      <c r="F321" s="1" t="s">
        <v>339</v>
      </c>
      <c r="G321" s="3">
        <v>1</v>
      </c>
      <c r="H321" s="1" t="s">
        <v>861</v>
      </c>
      <c r="I321" s="1" t="s">
        <v>25</v>
      </c>
      <c r="J321" s="1" t="s">
        <v>24</v>
      </c>
      <c r="K321" s="1" t="s">
        <v>25</v>
      </c>
      <c r="L321" s="1" t="s">
        <v>24</v>
      </c>
      <c r="M321" s="1" t="s">
        <v>24</v>
      </c>
      <c r="N321" s="1" t="s">
        <v>25</v>
      </c>
      <c r="O321" s="1">
        <v>35.46535746</v>
      </c>
      <c r="P321" s="1">
        <v>133.06330800000001</v>
      </c>
    </row>
    <row r="322" spans="1:16" ht="20.100000000000001" customHeight="1" x14ac:dyDescent="0.4">
      <c r="A322" s="1" t="s">
        <v>1427</v>
      </c>
      <c r="B322" s="1" t="s">
        <v>165</v>
      </c>
      <c r="C322" s="1" t="s">
        <v>1428</v>
      </c>
      <c r="D322" s="1" t="s">
        <v>53</v>
      </c>
      <c r="E322" s="1" t="s">
        <v>1429</v>
      </c>
      <c r="F322" s="1" t="s">
        <v>339</v>
      </c>
      <c r="G322" s="3">
        <v>1</v>
      </c>
      <c r="H322" s="1" t="s">
        <v>861</v>
      </c>
      <c r="I322" s="1" t="s">
        <v>25</v>
      </c>
      <c r="J322" s="1" t="s">
        <v>24</v>
      </c>
      <c r="K322" s="1" t="s">
        <v>25</v>
      </c>
      <c r="L322" s="1" t="s">
        <v>24</v>
      </c>
      <c r="M322" s="1" t="s">
        <v>24</v>
      </c>
      <c r="N322" s="1" t="s">
        <v>24</v>
      </c>
      <c r="O322" s="1">
        <v>35.457336840000004</v>
      </c>
      <c r="P322" s="1">
        <v>133.0909844</v>
      </c>
    </row>
    <row r="323" spans="1:16" ht="20.100000000000001" customHeight="1" x14ac:dyDescent="0.4">
      <c r="A323" s="1" t="s">
        <v>1430</v>
      </c>
      <c r="B323" s="1" t="s">
        <v>172</v>
      </c>
      <c r="C323" s="1" t="s">
        <v>1431</v>
      </c>
      <c r="D323" s="1" t="s">
        <v>53</v>
      </c>
      <c r="E323" s="1" t="s">
        <v>1432</v>
      </c>
      <c r="F323" s="1" t="s">
        <v>339</v>
      </c>
      <c r="G323" s="3">
        <v>1</v>
      </c>
      <c r="H323" s="1" t="s">
        <v>861</v>
      </c>
      <c r="I323" s="1" t="s">
        <v>25</v>
      </c>
      <c r="J323" s="1" t="s">
        <v>25</v>
      </c>
      <c r="K323" s="1" t="s">
        <v>25</v>
      </c>
      <c r="L323" s="1" t="s">
        <v>24</v>
      </c>
      <c r="M323" s="1" t="s">
        <v>24</v>
      </c>
      <c r="N323" s="1" t="s">
        <v>24</v>
      </c>
      <c r="O323" s="1">
        <v>35.459250079999997</v>
      </c>
      <c r="P323" s="1">
        <v>133.06692799999999</v>
      </c>
    </row>
    <row r="324" spans="1:16" ht="20.100000000000001" customHeight="1" x14ac:dyDescent="0.4">
      <c r="A324" s="1" t="s">
        <v>1433</v>
      </c>
      <c r="B324" s="1" t="s">
        <v>172</v>
      </c>
      <c r="C324" s="1" t="s">
        <v>1434</v>
      </c>
      <c r="D324" s="1" t="s">
        <v>53</v>
      </c>
      <c r="E324" s="1" t="s">
        <v>1435</v>
      </c>
      <c r="F324" s="1" t="s">
        <v>339</v>
      </c>
      <c r="G324" s="3">
        <v>1</v>
      </c>
      <c r="H324" s="1" t="s">
        <v>861</v>
      </c>
      <c r="I324" s="1" t="s">
        <v>25</v>
      </c>
      <c r="J324" s="1" t="s">
        <v>24</v>
      </c>
      <c r="K324" s="1" t="s">
        <v>25</v>
      </c>
      <c r="L324" s="1" t="s">
        <v>24</v>
      </c>
      <c r="M324" s="1" t="s">
        <v>24</v>
      </c>
      <c r="N324" s="1" t="s">
        <v>24</v>
      </c>
      <c r="O324" s="1">
        <v>35.45298708</v>
      </c>
      <c r="P324" s="1">
        <v>133.04551710000001</v>
      </c>
    </row>
    <row r="325" spans="1:16" ht="20.100000000000001" customHeight="1" x14ac:dyDescent="0.4">
      <c r="A325" s="1" t="s">
        <v>1436</v>
      </c>
      <c r="B325" s="1" t="s">
        <v>1437</v>
      </c>
      <c r="C325" s="1" t="s">
        <v>1438</v>
      </c>
      <c r="D325" s="1" t="s">
        <v>53</v>
      </c>
      <c r="E325" s="1" t="s">
        <v>1439</v>
      </c>
      <c r="F325" s="1" t="s">
        <v>339</v>
      </c>
      <c r="G325" s="3">
        <v>1</v>
      </c>
      <c r="H325" s="1" t="s">
        <v>861</v>
      </c>
      <c r="I325" s="1" t="s">
        <v>25</v>
      </c>
      <c r="J325" s="1" t="s">
        <v>25</v>
      </c>
      <c r="K325" s="1" t="s">
        <v>25</v>
      </c>
      <c r="L325" s="1" t="s">
        <v>24</v>
      </c>
      <c r="M325" s="1" t="s">
        <v>24</v>
      </c>
      <c r="N325" s="1" t="s">
        <v>24</v>
      </c>
      <c r="O325" s="1">
        <v>35.462344780000002</v>
      </c>
      <c r="P325" s="1">
        <v>133.06577490000001</v>
      </c>
    </row>
    <row r="326" spans="1:16" ht="20.100000000000001" customHeight="1" x14ac:dyDescent="0.4">
      <c r="A326" s="1" t="s">
        <v>1440</v>
      </c>
      <c r="B326" s="1" t="s">
        <v>1437</v>
      </c>
      <c r="C326" s="1" t="s">
        <v>1441</v>
      </c>
      <c r="D326" s="1" t="s">
        <v>53</v>
      </c>
      <c r="E326" s="1" t="s">
        <v>1442</v>
      </c>
      <c r="F326" s="1" t="s">
        <v>339</v>
      </c>
      <c r="G326" s="3">
        <v>1</v>
      </c>
      <c r="H326" s="1" t="s">
        <v>861</v>
      </c>
      <c r="I326" s="1" t="s">
        <v>25</v>
      </c>
      <c r="J326" s="1" t="s">
        <v>25</v>
      </c>
      <c r="K326" s="1" t="s">
        <v>25</v>
      </c>
      <c r="L326" s="1" t="s">
        <v>24</v>
      </c>
      <c r="M326" s="1" t="s">
        <v>24</v>
      </c>
      <c r="N326" s="1" t="s">
        <v>24</v>
      </c>
      <c r="O326" s="1">
        <v>35.462531009999999</v>
      </c>
      <c r="P326" s="1">
        <v>133.07781399999999</v>
      </c>
    </row>
    <row r="327" spans="1:16" ht="20.100000000000001" customHeight="1" x14ac:dyDescent="0.4">
      <c r="A327" s="1" t="s">
        <v>1443</v>
      </c>
      <c r="B327" s="1" t="s">
        <v>165</v>
      </c>
      <c r="C327" s="1" t="s">
        <v>1444</v>
      </c>
      <c r="D327" s="1" t="s">
        <v>53</v>
      </c>
      <c r="E327" s="1" t="s">
        <v>1445</v>
      </c>
      <c r="F327" s="1" t="s">
        <v>339</v>
      </c>
      <c r="G327" s="3">
        <v>1</v>
      </c>
      <c r="H327" s="1" t="s">
        <v>861</v>
      </c>
      <c r="I327" s="1" t="s">
        <v>25</v>
      </c>
      <c r="J327" s="1" t="s">
        <v>24</v>
      </c>
      <c r="K327" s="1" t="s">
        <v>25</v>
      </c>
      <c r="L327" s="1" t="s">
        <v>24</v>
      </c>
      <c r="M327" s="1" t="s">
        <v>24</v>
      </c>
      <c r="N327" s="1" t="s">
        <v>24</v>
      </c>
      <c r="O327" s="1">
        <v>35.459277370000002</v>
      </c>
      <c r="P327" s="1">
        <v>133.08240090000001</v>
      </c>
    </row>
    <row r="328" spans="1:16" ht="20.100000000000001" customHeight="1" x14ac:dyDescent="0.4">
      <c r="A328" s="1" t="s">
        <v>1446</v>
      </c>
      <c r="B328" s="1" t="s">
        <v>165</v>
      </c>
      <c r="C328" s="1" t="s">
        <v>1447</v>
      </c>
      <c r="D328" s="1" t="s">
        <v>53</v>
      </c>
      <c r="E328" s="1" t="s">
        <v>1448</v>
      </c>
      <c r="F328" s="1" t="s">
        <v>339</v>
      </c>
      <c r="G328" s="3">
        <v>1</v>
      </c>
      <c r="H328" s="1" t="s">
        <v>861</v>
      </c>
      <c r="I328" s="1" t="s">
        <v>25</v>
      </c>
      <c r="J328" s="1" t="s">
        <v>25</v>
      </c>
      <c r="K328" s="1" t="s">
        <v>25</v>
      </c>
      <c r="L328" s="1" t="s">
        <v>24</v>
      </c>
      <c r="M328" s="1" t="s">
        <v>24</v>
      </c>
      <c r="N328" s="1" t="s">
        <v>24</v>
      </c>
      <c r="O328" s="1">
        <v>35.451947939999997</v>
      </c>
      <c r="P328" s="1">
        <v>133.08368920000001</v>
      </c>
    </row>
    <row r="329" spans="1:16" ht="20.100000000000001" customHeight="1" x14ac:dyDescent="0.4">
      <c r="A329" s="1" t="s">
        <v>1449</v>
      </c>
      <c r="B329" s="1" t="s">
        <v>1450</v>
      </c>
      <c r="C329" s="1" t="s">
        <v>1451</v>
      </c>
      <c r="D329" s="1" t="s">
        <v>53</v>
      </c>
      <c r="E329" s="1" t="s">
        <v>1452</v>
      </c>
      <c r="F329" s="1" t="s">
        <v>339</v>
      </c>
      <c r="G329" s="3">
        <v>1</v>
      </c>
      <c r="H329" s="1" t="s">
        <v>861</v>
      </c>
      <c r="I329" s="1" t="s">
        <v>25</v>
      </c>
      <c r="J329" s="1" t="s">
        <v>24</v>
      </c>
      <c r="K329" s="1" t="s">
        <v>25</v>
      </c>
      <c r="L329" s="1" t="s">
        <v>24</v>
      </c>
      <c r="M329" s="1" t="s">
        <v>24</v>
      </c>
      <c r="N329" s="1" t="s">
        <v>24</v>
      </c>
      <c r="O329" s="1">
        <v>35.464110490000003</v>
      </c>
      <c r="P329" s="1">
        <v>133.05944529999999</v>
      </c>
    </row>
    <row r="330" spans="1:16" ht="20.100000000000001" customHeight="1" x14ac:dyDescent="0.4">
      <c r="A330" s="1" t="s">
        <v>1453</v>
      </c>
      <c r="B330" s="1" t="s">
        <v>147</v>
      </c>
      <c r="C330" s="1" t="s">
        <v>1454</v>
      </c>
      <c r="D330" s="1" t="s">
        <v>53</v>
      </c>
      <c r="E330" s="1" t="s">
        <v>1455</v>
      </c>
      <c r="F330" s="1" t="s">
        <v>339</v>
      </c>
      <c r="G330" s="3">
        <v>1</v>
      </c>
      <c r="H330" s="1" t="s">
        <v>861</v>
      </c>
      <c r="I330" s="1" t="s">
        <v>25</v>
      </c>
      <c r="J330" s="1" t="s">
        <v>25</v>
      </c>
      <c r="K330" s="1" t="s">
        <v>25</v>
      </c>
      <c r="L330" s="1" t="s">
        <v>24</v>
      </c>
      <c r="M330" s="1" t="s">
        <v>24</v>
      </c>
      <c r="N330" s="1" t="s">
        <v>25</v>
      </c>
      <c r="O330" s="1">
        <v>35.464135550000002</v>
      </c>
      <c r="P330" s="1">
        <v>133.06194310000001</v>
      </c>
    </row>
    <row r="331" spans="1:16" ht="20.100000000000001" customHeight="1" x14ac:dyDescent="0.4">
      <c r="A331" s="1" t="s">
        <v>1456</v>
      </c>
      <c r="B331" s="1" t="s">
        <v>1457</v>
      </c>
      <c r="C331" s="1" t="s">
        <v>1458</v>
      </c>
      <c r="D331" s="1" t="s">
        <v>53</v>
      </c>
      <c r="E331" s="1" t="s">
        <v>1459</v>
      </c>
      <c r="F331" s="1" t="s">
        <v>339</v>
      </c>
      <c r="G331" s="3">
        <v>1</v>
      </c>
      <c r="H331" s="1" t="s">
        <v>861</v>
      </c>
      <c r="I331" s="1" t="s">
        <v>25</v>
      </c>
      <c r="J331" s="1" t="s">
        <v>24</v>
      </c>
      <c r="K331" s="1" t="s">
        <v>25</v>
      </c>
      <c r="L331" s="1" t="s">
        <v>24</v>
      </c>
      <c r="M331" s="1" t="s">
        <v>24</v>
      </c>
      <c r="N331" s="1" t="s">
        <v>24</v>
      </c>
      <c r="O331" s="1">
        <v>35.50308991</v>
      </c>
      <c r="P331" s="1">
        <v>133.09118670000001</v>
      </c>
    </row>
    <row r="332" spans="1:16" ht="20.100000000000001" customHeight="1" x14ac:dyDescent="0.4">
      <c r="A332" s="1" t="s">
        <v>1460</v>
      </c>
      <c r="B332" s="1" t="s">
        <v>172</v>
      </c>
      <c r="C332" s="1" t="s">
        <v>1461</v>
      </c>
      <c r="D332" s="1" t="s">
        <v>53</v>
      </c>
      <c r="E332" s="1" t="s">
        <v>1462</v>
      </c>
      <c r="F332" s="1" t="s">
        <v>339</v>
      </c>
      <c r="G332" s="1" t="s">
        <v>1193</v>
      </c>
      <c r="H332" s="1" t="s">
        <v>861</v>
      </c>
      <c r="I332" s="1" t="s">
        <v>25</v>
      </c>
      <c r="J332" s="1" t="s">
        <v>25</v>
      </c>
      <c r="K332" s="1" t="s">
        <v>25</v>
      </c>
      <c r="L332" s="1" t="s">
        <v>24</v>
      </c>
      <c r="M332" s="1" t="s">
        <v>24</v>
      </c>
      <c r="N332" s="1" t="s">
        <v>24</v>
      </c>
      <c r="O332" s="1">
        <v>35.454248540000002</v>
      </c>
      <c r="P332" s="1">
        <v>133.0675932</v>
      </c>
    </row>
    <row r="333" spans="1:16" ht="20.100000000000001" customHeight="1" x14ac:dyDescent="0.4">
      <c r="A333" s="1" t="s">
        <v>1463</v>
      </c>
      <c r="B333" s="1" t="s">
        <v>184</v>
      </c>
      <c r="C333" s="1" t="s">
        <v>1464</v>
      </c>
      <c r="D333" s="1" t="s">
        <v>53</v>
      </c>
      <c r="E333" s="1" t="s">
        <v>1465</v>
      </c>
      <c r="F333" s="1" t="s">
        <v>339</v>
      </c>
      <c r="G333" s="3">
        <v>1</v>
      </c>
      <c r="H333" s="1" t="s">
        <v>861</v>
      </c>
      <c r="I333" s="1" t="s">
        <v>25</v>
      </c>
      <c r="J333" s="1" t="s">
        <v>25</v>
      </c>
      <c r="K333" s="1" t="s">
        <v>25</v>
      </c>
      <c r="L333" s="1" t="s">
        <v>24</v>
      </c>
      <c r="M333" s="1" t="s">
        <v>24</v>
      </c>
      <c r="N333" s="1" t="s">
        <v>24</v>
      </c>
      <c r="O333" s="1">
        <v>35.473397779999999</v>
      </c>
      <c r="P333" s="1">
        <v>133.06632519999999</v>
      </c>
    </row>
    <row r="334" spans="1:16" ht="20.100000000000001" customHeight="1" x14ac:dyDescent="0.4">
      <c r="A334" s="1" t="s">
        <v>1466</v>
      </c>
      <c r="B334" s="1" t="s">
        <v>1467</v>
      </c>
      <c r="C334" s="1" t="s">
        <v>1468</v>
      </c>
      <c r="D334" s="1" t="s">
        <v>53</v>
      </c>
      <c r="E334" s="1" t="s">
        <v>1469</v>
      </c>
      <c r="F334" s="1" t="s">
        <v>339</v>
      </c>
      <c r="G334" s="3">
        <v>1</v>
      </c>
      <c r="H334" s="1" t="s">
        <v>861</v>
      </c>
      <c r="I334" s="1" t="s">
        <v>25</v>
      </c>
      <c r="J334" s="1" t="s">
        <v>25</v>
      </c>
      <c r="K334" s="1" t="s">
        <v>25</v>
      </c>
      <c r="L334" s="1" t="s">
        <v>24</v>
      </c>
      <c r="M334" s="1" t="s">
        <v>24</v>
      </c>
      <c r="N334" s="1" t="s">
        <v>24</v>
      </c>
      <c r="O334" s="1">
        <v>35.470186210000001</v>
      </c>
      <c r="P334" s="1">
        <v>133.04547539999999</v>
      </c>
    </row>
    <row r="335" spans="1:16" ht="20.100000000000001" customHeight="1" x14ac:dyDescent="0.4">
      <c r="A335" s="1" t="s">
        <v>1470</v>
      </c>
      <c r="B335" s="1" t="s">
        <v>1471</v>
      </c>
      <c r="C335" s="1" t="s">
        <v>1472</v>
      </c>
      <c r="D335" s="1" t="s">
        <v>53</v>
      </c>
      <c r="E335" s="1" t="s">
        <v>1473</v>
      </c>
      <c r="F335" s="1" t="s">
        <v>339</v>
      </c>
      <c r="G335" s="3">
        <v>1</v>
      </c>
      <c r="H335" s="1" t="s">
        <v>861</v>
      </c>
      <c r="I335" s="1" t="s">
        <v>25</v>
      </c>
      <c r="J335" s="1" t="s">
        <v>24</v>
      </c>
      <c r="K335" s="1" t="s">
        <v>25</v>
      </c>
      <c r="L335" s="1" t="s">
        <v>24</v>
      </c>
      <c r="M335" s="1" t="s">
        <v>24</v>
      </c>
      <c r="N335" s="1" t="s">
        <v>24</v>
      </c>
      <c r="O335" s="1">
        <v>35.469626589999997</v>
      </c>
      <c r="P335" s="1">
        <v>133.08658299999999</v>
      </c>
    </row>
    <row r="336" spans="1:16" ht="20.100000000000001" customHeight="1" x14ac:dyDescent="0.4">
      <c r="A336" s="1" t="s">
        <v>1474</v>
      </c>
      <c r="B336" s="1" t="s">
        <v>1475</v>
      </c>
      <c r="C336" s="1" t="s">
        <v>1476</v>
      </c>
      <c r="D336" s="1" t="s">
        <v>53</v>
      </c>
      <c r="E336" s="1" t="s">
        <v>1477</v>
      </c>
      <c r="F336" s="1" t="s">
        <v>339</v>
      </c>
      <c r="G336" s="3">
        <v>1</v>
      </c>
      <c r="H336" s="1" t="s">
        <v>861</v>
      </c>
      <c r="I336" s="1" t="s">
        <v>25</v>
      </c>
      <c r="J336" s="1" t="s">
        <v>24</v>
      </c>
      <c r="K336" s="1" t="s">
        <v>25</v>
      </c>
      <c r="L336" s="1" t="s">
        <v>24</v>
      </c>
      <c r="M336" s="1" t="s">
        <v>24</v>
      </c>
      <c r="N336" s="1" t="s">
        <v>24</v>
      </c>
      <c r="O336" s="1">
        <v>35.403158019999999</v>
      </c>
      <c r="P336" s="1">
        <v>133.03237010000001</v>
      </c>
    </row>
    <row r="337" spans="1:16" ht="20.100000000000001" customHeight="1" x14ac:dyDescent="0.4">
      <c r="A337" s="1" t="s">
        <v>1478</v>
      </c>
      <c r="B337" s="1" t="s">
        <v>297</v>
      </c>
      <c r="C337" s="1" t="s">
        <v>1479</v>
      </c>
      <c r="D337" s="1" t="s">
        <v>19</v>
      </c>
      <c r="E337" s="1" t="s">
        <v>1480</v>
      </c>
      <c r="F337" s="1" t="s">
        <v>339</v>
      </c>
      <c r="G337" s="3">
        <v>1</v>
      </c>
      <c r="H337" s="1" t="s">
        <v>861</v>
      </c>
      <c r="I337" s="1" t="s">
        <v>25</v>
      </c>
      <c r="J337" s="1" t="s">
        <v>25</v>
      </c>
      <c r="K337" s="1" t="s">
        <v>25</v>
      </c>
      <c r="L337" s="1" t="s">
        <v>24</v>
      </c>
      <c r="M337" s="1" t="s">
        <v>24</v>
      </c>
      <c r="N337" s="1" t="s">
        <v>24</v>
      </c>
      <c r="O337" s="1">
        <v>35.367672509999998</v>
      </c>
      <c r="P337" s="1">
        <v>132.7530237</v>
      </c>
    </row>
    <row r="338" spans="1:16" ht="20.100000000000001" customHeight="1" x14ac:dyDescent="0.4">
      <c r="A338" s="1" t="s">
        <v>1481</v>
      </c>
      <c r="B338" s="1" t="s">
        <v>388</v>
      </c>
      <c r="C338" s="1" t="s">
        <v>1482</v>
      </c>
      <c r="D338" s="1" t="s">
        <v>19</v>
      </c>
      <c r="E338" s="1" t="s">
        <v>1483</v>
      </c>
      <c r="F338" s="1" t="s">
        <v>339</v>
      </c>
      <c r="G338" s="3">
        <v>1</v>
      </c>
      <c r="H338" s="1" t="s">
        <v>861</v>
      </c>
      <c r="I338" s="1" t="s">
        <v>25</v>
      </c>
      <c r="J338" s="1" t="s">
        <v>24</v>
      </c>
      <c r="K338" s="1" t="s">
        <v>25</v>
      </c>
      <c r="L338" s="1" t="s">
        <v>24</v>
      </c>
      <c r="M338" s="1" t="s">
        <v>24</v>
      </c>
      <c r="N338" s="1" t="s">
        <v>24</v>
      </c>
      <c r="O338" s="1">
        <v>35.380696159999999</v>
      </c>
      <c r="P338" s="1">
        <v>132.81920239999999</v>
      </c>
    </row>
    <row r="339" spans="1:16" ht="20.100000000000001" customHeight="1" x14ac:dyDescent="0.4">
      <c r="A339" s="1" t="s">
        <v>1484</v>
      </c>
      <c r="B339" s="1" t="s">
        <v>452</v>
      </c>
      <c r="C339" s="1" t="s">
        <v>1485</v>
      </c>
      <c r="D339" s="1" t="s">
        <v>19</v>
      </c>
      <c r="E339" s="1" t="s">
        <v>1486</v>
      </c>
      <c r="F339" s="1" t="s">
        <v>339</v>
      </c>
      <c r="G339" s="3">
        <v>1</v>
      </c>
      <c r="H339" s="1" t="s">
        <v>861</v>
      </c>
      <c r="I339" s="1" t="s">
        <v>25</v>
      </c>
      <c r="J339" s="1" t="s">
        <v>25</v>
      </c>
      <c r="K339" s="1" t="s">
        <v>25</v>
      </c>
      <c r="L339" s="1" t="s">
        <v>24</v>
      </c>
      <c r="M339" s="1" t="s">
        <v>24</v>
      </c>
      <c r="N339" s="1" t="s">
        <v>24</v>
      </c>
      <c r="O339" s="1">
        <v>35.391302920000001</v>
      </c>
      <c r="P339" s="1">
        <v>132.82781030000001</v>
      </c>
    </row>
    <row r="340" spans="1:16" ht="20.100000000000001" customHeight="1" x14ac:dyDescent="0.4">
      <c r="A340" s="1" t="s">
        <v>1487</v>
      </c>
      <c r="B340" s="1" t="s">
        <v>364</v>
      </c>
      <c r="C340" s="1" t="s">
        <v>1488</v>
      </c>
      <c r="D340" s="1" t="s">
        <v>19</v>
      </c>
      <c r="E340" s="1" t="s">
        <v>1489</v>
      </c>
      <c r="F340" s="1" t="s">
        <v>339</v>
      </c>
      <c r="G340" s="3">
        <v>1</v>
      </c>
      <c r="H340" s="1" t="s">
        <v>861</v>
      </c>
      <c r="I340" s="1" t="s">
        <v>25</v>
      </c>
      <c r="J340" s="1" t="s">
        <v>24</v>
      </c>
      <c r="K340" s="1" t="s">
        <v>25</v>
      </c>
      <c r="L340" s="1" t="s">
        <v>24</v>
      </c>
      <c r="M340" s="1" t="s">
        <v>24</v>
      </c>
      <c r="N340" s="1" t="s">
        <v>24</v>
      </c>
      <c r="O340" s="1">
        <v>35.394951839999997</v>
      </c>
      <c r="P340" s="1">
        <v>132.86403770000001</v>
      </c>
    </row>
    <row r="341" spans="1:16" ht="20.100000000000001" customHeight="1" x14ac:dyDescent="0.4">
      <c r="A341" s="1" t="s">
        <v>1490</v>
      </c>
      <c r="B341" s="1" t="s">
        <v>405</v>
      </c>
      <c r="C341" s="1" t="s">
        <v>1491</v>
      </c>
      <c r="D341" s="1" t="s">
        <v>53</v>
      </c>
      <c r="E341" s="1" t="s">
        <v>1492</v>
      </c>
      <c r="F341" s="1" t="s">
        <v>339</v>
      </c>
      <c r="G341" s="3">
        <v>1</v>
      </c>
      <c r="H341" s="1" t="s">
        <v>861</v>
      </c>
      <c r="I341" s="1" t="s">
        <v>25</v>
      </c>
      <c r="J341" s="1" t="s">
        <v>25</v>
      </c>
      <c r="K341" s="1" t="s">
        <v>25</v>
      </c>
      <c r="L341" s="1" t="s">
        <v>24</v>
      </c>
      <c r="M341" s="1" t="s">
        <v>24</v>
      </c>
      <c r="N341" s="1" t="s">
        <v>24</v>
      </c>
      <c r="O341" s="1">
        <v>35.441933740000003</v>
      </c>
      <c r="P341" s="1">
        <v>133.0606253</v>
      </c>
    </row>
    <row r="342" spans="1:16" ht="20.100000000000001" customHeight="1" x14ac:dyDescent="0.4">
      <c r="A342" s="1" t="s">
        <v>1493</v>
      </c>
      <c r="B342" s="1" t="s">
        <v>405</v>
      </c>
      <c r="C342" s="1" t="s">
        <v>1494</v>
      </c>
      <c r="D342" s="1" t="s">
        <v>53</v>
      </c>
      <c r="E342" s="1" t="s">
        <v>1495</v>
      </c>
      <c r="F342" s="1" t="s">
        <v>339</v>
      </c>
      <c r="G342" s="3">
        <v>1</v>
      </c>
      <c r="H342" s="1" t="s">
        <v>861</v>
      </c>
      <c r="I342" s="1" t="s">
        <v>25</v>
      </c>
      <c r="J342" s="1" t="s">
        <v>24</v>
      </c>
      <c r="K342" s="1" t="s">
        <v>25</v>
      </c>
      <c r="L342" s="1" t="s">
        <v>24</v>
      </c>
      <c r="M342" s="1" t="s">
        <v>24</v>
      </c>
      <c r="N342" s="1" t="s">
        <v>24</v>
      </c>
      <c r="O342" s="1">
        <v>35.447609180000001</v>
      </c>
      <c r="P342" s="1">
        <v>133.06786349999999</v>
      </c>
    </row>
    <row r="343" spans="1:16" ht="20.100000000000001" customHeight="1" x14ac:dyDescent="0.4">
      <c r="A343" s="1" t="s">
        <v>1496</v>
      </c>
      <c r="B343" s="1" t="s">
        <v>982</v>
      </c>
      <c r="C343" s="1" t="s">
        <v>1497</v>
      </c>
      <c r="D343" s="1" t="s">
        <v>53</v>
      </c>
      <c r="E343" s="1" t="s">
        <v>1498</v>
      </c>
      <c r="F343" s="1" t="s">
        <v>339</v>
      </c>
      <c r="G343" s="3">
        <v>1</v>
      </c>
      <c r="H343" s="1" t="s">
        <v>861</v>
      </c>
      <c r="I343" s="1" t="s">
        <v>25</v>
      </c>
      <c r="J343" s="1" t="s">
        <v>24</v>
      </c>
      <c r="K343" s="1" t="s">
        <v>25</v>
      </c>
      <c r="L343" s="1" t="s">
        <v>24</v>
      </c>
      <c r="M343" s="1" t="s">
        <v>24</v>
      </c>
      <c r="N343" s="1" t="s">
        <v>24</v>
      </c>
      <c r="O343" s="1">
        <v>35.399031110000003</v>
      </c>
      <c r="P343" s="1">
        <v>132.9018337</v>
      </c>
    </row>
    <row r="344" spans="1:16" ht="20.100000000000001" customHeight="1" x14ac:dyDescent="0.4">
      <c r="A344" s="1" t="s">
        <v>1499</v>
      </c>
      <c r="B344" s="1" t="s">
        <v>405</v>
      </c>
      <c r="C344" s="1" t="s">
        <v>1500</v>
      </c>
      <c r="D344" s="1" t="s">
        <v>53</v>
      </c>
      <c r="E344" s="1" t="s">
        <v>1501</v>
      </c>
      <c r="F344" s="1" t="s">
        <v>339</v>
      </c>
      <c r="G344" s="3">
        <v>1</v>
      </c>
      <c r="H344" s="1" t="s">
        <v>861</v>
      </c>
      <c r="I344" s="1" t="s">
        <v>25</v>
      </c>
      <c r="J344" s="1" t="s">
        <v>25</v>
      </c>
      <c r="K344" s="1" t="s">
        <v>25</v>
      </c>
      <c r="L344" s="1" t="s">
        <v>24</v>
      </c>
      <c r="M344" s="1" t="s">
        <v>24</v>
      </c>
      <c r="N344" s="1" t="s">
        <v>24</v>
      </c>
      <c r="O344" s="1">
        <v>35.439101039999997</v>
      </c>
      <c r="P344" s="1">
        <v>133.06811579999999</v>
      </c>
    </row>
    <row r="345" spans="1:16" ht="20.100000000000001" customHeight="1" x14ac:dyDescent="0.4">
      <c r="A345" s="1" t="s">
        <v>1502</v>
      </c>
      <c r="B345" s="1" t="s">
        <v>678</v>
      </c>
      <c r="C345" s="1" t="s">
        <v>1503</v>
      </c>
      <c r="D345" s="1" t="s">
        <v>53</v>
      </c>
      <c r="E345" s="1" t="s">
        <v>1504</v>
      </c>
      <c r="F345" s="1" t="s">
        <v>339</v>
      </c>
      <c r="G345" s="3">
        <v>1</v>
      </c>
      <c r="H345" s="1" t="s">
        <v>861</v>
      </c>
      <c r="I345" s="1" t="s">
        <v>25</v>
      </c>
      <c r="J345" s="1" t="s">
        <v>25</v>
      </c>
      <c r="K345" s="1" t="s">
        <v>25</v>
      </c>
      <c r="L345" s="1" t="s">
        <v>24</v>
      </c>
      <c r="M345" s="1" t="s">
        <v>24</v>
      </c>
      <c r="N345" s="1" t="s">
        <v>24</v>
      </c>
      <c r="O345" s="1">
        <v>35.440598770000001</v>
      </c>
      <c r="P345" s="1">
        <v>133.09323989999999</v>
      </c>
    </row>
    <row r="346" spans="1:16" ht="20.100000000000001" customHeight="1" x14ac:dyDescent="0.4">
      <c r="A346" s="1" t="s">
        <v>1505</v>
      </c>
      <c r="B346" s="1" t="s">
        <v>405</v>
      </c>
      <c r="C346" s="1" t="s">
        <v>1506</v>
      </c>
      <c r="D346" s="1" t="s">
        <v>53</v>
      </c>
      <c r="E346" s="1" t="s">
        <v>1507</v>
      </c>
      <c r="F346" s="1" t="s">
        <v>339</v>
      </c>
      <c r="G346" s="3">
        <v>1</v>
      </c>
      <c r="H346" s="1" t="s">
        <v>861</v>
      </c>
      <c r="I346" s="1" t="s">
        <v>25</v>
      </c>
      <c r="J346" s="1" t="s">
        <v>25</v>
      </c>
      <c r="K346" s="1" t="s">
        <v>25</v>
      </c>
      <c r="L346" s="1" t="s">
        <v>24</v>
      </c>
      <c r="M346" s="1" t="s">
        <v>24</v>
      </c>
      <c r="N346" s="1" t="s">
        <v>24</v>
      </c>
      <c r="O346" s="1">
        <v>35.450301860000003</v>
      </c>
      <c r="P346" s="1">
        <v>133.0617589</v>
      </c>
    </row>
    <row r="347" spans="1:16" ht="20.100000000000001" customHeight="1" x14ac:dyDescent="0.4">
      <c r="A347" s="1" t="s">
        <v>1508</v>
      </c>
      <c r="B347" s="1" t="s">
        <v>58</v>
      </c>
      <c r="C347" s="1" t="s">
        <v>1509</v>
      </c>
      <c r="D347" s="1" t="s">
        <v>53</v>
      </c>
      <c r="E347" s="1" t="s">
        <v>1510</v>
      </c>
      <c r="F347" s="1" t="s">
        <v>339</v>
      </c>
      <c r="G347" s="3">
        <v>1</v>
      </c>
      <c r="H347" s="1" t="s">
        <v>861</v>
      </c>
      <c r="I347" s="1" t="s">
        <v>25</v>
      </c>
      <c r="J347" s="1" t="s">
        <v>25</v>
      </c>
      <c r="K347" s="1" t="s">
        <v>25</v>
      </c>
      <c r="L347" s="1" t="s">
        <v>24</v>
      </c>
      <c r="M347" s="1" t="s">
        <v>24</v>
      </c>
      <c r="N347" s="1" t="s">
        <v>24</v>
      </c>
      <c r="O347" s="1">
        <v>35.432708740000002</v>
      </c>
      <c r="P347" s="1">
        <v>133.0701789</v>
      </c>
    </row>
    <row r="348" spans="1:16" ht="20.100000000000001" customHeight="1" x14ac:dyDescent="0.4">
      <c r="A348" s="1" t="s">
        <v>1511</v>
      </c>
      <c r="B348" s="1" t="s">
        <v>461</v>
      </c>
      <c r="C348" s="1" t="s">
        <v>1512</v>
      </c>
      <c r="D348" s="1" t="s">
        <v>53</v>
      </c>
      <c r="E348" s="1" t="s">
        <v>1513</v>
      </c>
      <c r="F348" s="1" t="s">
        <v>339</v>
      </c>
      <c r="G348" s="3">
        <v>1</v>
      </c>
      <c r="H348" s="1" t="s">
        <v>861</v>
      </c>
      <c r="I348" s="1" t="s">
        <v>25</v>
      </c>
      <c r="J348" s="1" t="s">
        <v>25</v>
      </c>
      <c r="K348" s="1" t="s">
        <v>25</v>
      </c>
      <c r="L348" s="1" t="s">
        <v>24</v>
      </c>
      <c r="M348" s="1" t="s">
        <v>24</v>
      </c>
      <c r="N348" s="1" t="s">
        <v>24</v>
      </c>
      <c r="O348" s="1">
        <v>35.48248676</v>
      </c>
      <c r="P348" s="1">
        <v>133.04552090000001</v>
      </c>
    </row>
    <row r="349" spans="1:16" ht="20.100000000000001" customHeight="1" x14ac:dyDescent="0.4">
      <c r="A349" s="1" t="s">
        <v>1514</v>
      </c>
      <c r="B349" s="1" t="s">
        <v>1515</v>
      </c>
      <c r="C349" s="1" t="s">
        <v>1516</v>
      </c>
      <c r="D349" s="1" t="s">
        <v>53</v>
      </c>
      <c r="E349" s="1" t="s">
        <v>1517</v>
      </c>
      <c r="F349" s="1" t="s">
        <v>339</v>
      </c>
      <c r="G349" s="1" t="s">
        <v>1518</v>
      </c>
      <c r="H349" s="1" t="s">
        <v>861</v>
      </c>
      <c r="I349" s="1" t="s">
        <v>25</v>
      </c>
      <c r="J349" s="1" t="s">
        <v>25</v>
      </c>
      <c r="K349" s="1" t="s">
        <v>25</v>
      </c>
      <c r="L349" s="1" t="s">
        <v>24</v>
      </c>
      <c r="M349" s="1" t="s">
        <v>24</v>
      </c>
      <c r="N349" s="1" t="s">
        <v>25</v>
      </c>
      <c r="O349" s="1">
        <v>35.438785060000001</v>
      </c>
      <c r="P349" s="1">
        <v>133.05542489999999</v>
      </c>
    </row>
    <row r="350" spans="1:16" ht="20.100000000000001" customHeight="1" x14ac:dyDescent="0.4">
      <c r="A350" s="1" t="s">
        <v>1519</v>
      </c>
      <c r="B350" s="1" t="s">
        <v>1520</v>
      </c>
      <c r="C350" s="1" t="s">
        <v>1521</v>
      </c>
      <c r="D350" s="1" t="s">
        <v>53</v>
      </c>
      <c r="E350" s="1" t="s">
        <v>1522</v>
      </c>
      <c r="F350" s="1" t="s">
        <v>339</v>
      </c>
      <c r="G350" s="3">
        <v>1</v>
      </c>
      <c r="H350" s="1" t="s">
        <v>861</v>
      </c>
      <c r="I350" s="1" t="s">
        <v>25</v>
      </c>
      <c r="J350" s="1" t="s">
        <v>25</v>
      </c>
      <c r="K350" s="1" t="s">
        <v>25</v>
      </c>
      <c r="L350" s="1" t="s">
        <v>24</v>
      </c>
      <c r="M350" s="1" t="s">
        <v>24</v>
      </c>
      <c r="N350" s="1" t="s">
        <v>24</v>
      </c>
      <c r="O350" s="1">
        <v>35.474414660000001</v>
      </c>
      <c r="P350" s="1">
        <v>133.0178736</v>
      </c>
    </row>
    <row r="351" spans="1:16" ht="20.100000000000001" customHeight="1" x14ac:dyDescent="0.4">
      <c r="A351" s="1" t="s">
        <v>1523</v>
      </c>
      <c r="B351" s="1" t="s">
        <v>1524</v>
      </c>
      <c r="C351" s="1" t="s">
        <v>1525</v>
      </c>
      <c r="D351" s="1" t="s">
        <v>53</v>
      </c>
      <c r="E351" s="1" t="s">
        <v>1526</v>
      </c>
      <c r="F351" s="1" t="s">
        <v>339</v>
      </c>
      <c r="G351" s="3">
        <v>1</v>
      </c>
      <c r="H351" s="1" t="s">
        <v>861</v>
      </c>
      <c r="I351" s="1" t="s">
        <v>25</v>
      </c>
      <c r="J351" s="1" t="s">
        <v>25</v>
      </c>
      <c r="K351" s="1" t="s">
        <v>25</v>
      </c>
      <c r="L351" s="1" t="s">
        <v>24</v>
      </c>
      <c r="M351" s="1" t="s">
        <v>24</v>
      </c>
      <c r="N351" s="1" t="s">
        <v>24</v>
      </c>
      <c r="O351" s="1">
        <v>35.47042476</v>
      </c>
      <c r="P351" s="1">
        <v>133.05636530000001</v>
      </c>
    </row>
    <row r="352" spans="1:16" ht="20.100000000000001" customHeight="1" x14ac:dyDescent="0.4">
      <c r="A352" s="1" t="s">
        <v>1527</v>
      </c>
      <c r="B352" s="1" t="s">
        <v>1528</v>
      </c>
      <c r="C352" s="1" t="s">
        <v>1529</v>
      </c>
      <c r="D352" s="1" t="s">
        <v>53</v>
      </c>
      <c r="E352" s="1" t="s">
        <v>1530</v>
      </c>
      <c r="F352" s="1" t="s">
        <v>339</v>
      </c>
      <c r="G352" s="3">
        <v>1</v>
      </c>
      <c r="H352" s="1" t="s">
        <v>861</v>
      </c>
      <c r="I352" s="1" t="s">
        <v>25</v>
      </c>
      <c r="J352" s="1" t="s">
        <v>24</v>
      </c>
      <c r="K352" s="1" t="s">
        <v>25</v>
      </c>
      <c r="L352" s="1" t="s">
        <v>24</v>
      </c>
      <c r="M352" s="1" t="s">
        <v>24</v>
      </c>
      <c r="N352" s="1" t="s">
        <v>24</v>
      </c>
      <c r="O352" s="1">
        <v>35.435325489999997</v>
      </c>
      <c r="P352" s="1">
        <v>133.135989</v>
      </c>
    </row>
    <row r="353" spans="1:16" ht="20.100000000000001" customHeight="1" x14ac:dyDescent="0.4">
      <c r="A353" s="1" t="s">
        <v>1531</v>
      </c>
      <c r="B353" s="1" t="s">
        <v>667</v>
      </c>
      <c r="C353" s="1" t="s">
        <v>1532</v>
      </c>
      <c r="D353" s="1" t="s">
        <v>53</v>
      </c>
      <c r="E353" s="1" t="s">
        <v>1533</v>
      </c>
      <c r="F353" s="1" t="s">
        <v>339</v>
      </c>
      <c r="G353" s="3">
        <v>1</v>
      </c>
      <c r="H353" s="1" t="s">
        <v>861</v>
      </c>
      <c r="I353" s="1" t="s">
        <v>25</v>
      </c>
      <c r="J353" s="1" t="s">
        <v>24</v>
      </c>
      <c r="K353" s="1" t="s">
        <v>25</v>
      </c>
      <c r="L353" s="1" t="s">
        <v>24</v>
      </c>
      <c r="M353" s="1" t="s">
        <v>24</v>
      </c>
      <c r="N353" s="1" t="s">
        <v>24</v>
      </c>
      <c r="O353" s="1">
        <v>35.410529349999997</v>
      </c>
      <c r="P353" s="1">
        <v>133.32006139999999</v>
      </c>
    </row>
    <row r="354" spans="1:16" ht="20.100000000000001" customHeight="1" x14ac:dyDescent="0.4">
      <c r="A354" s="1" t="s">
        <v>1534</v>
      </c>
      <c r="B354" s="1" t="s">
        <v>1535</v>
      </c>
      <c r="C354" s="1" t="s">
        <v>1536</v>
      </c>
      <c r="D354" s="1" t="s">
        <v>53</v>
      </c>
      <c r="E354" s="1" t="s">
        <v>1537</v>
      </c>
      <c r="F354" s="1" t="s">
        <v>339</v>
      </c>
      <c r="G354" s="3">
        <v>1</v>
      </c>
      <c r="H354" s="1" t="s">
        <v>861</v>
      </c>
      <c r="I354" s="1" t="s">
        <v>25</v>
      </c>
      <c r="J354" s="1" t="s">
        <v>25</v>
      </c>
      <c r="K354" s="1" t="s">
        <v>25</v>
      </c>
      <c r="L354" s="1" t="s">
        <v>24</v>
      </c>
      <c r="M354" s="1" t="s">
        <v>24</v>
      </c>
      <c r="N354" s="1" t="s">
        <v>24</v>
      </c>
      <c r="O354" s="1">
        <v>35.355006070000002</v>
      </c>
      <c r="P354" s="1">
        <v>133.27703700000001</v>
      </c>
    </row>
    <row r="355" spans="1:16" ht="20.100000000000001" customHeight="1" x14ac:dyDescent="0.4">
      <c r="A355" s="1" t="s">
        <v>1538</v>
      </c>
      <c r="B355" s="1" t="s">
        <v>1539</v>
      </c>
      <c r="C355" s="1" t="s">
        <v>1540</v>
      </c>
      <c r="D355" s="1" t="s">
        <v>53</v>
      </c>
      <c r="E355" s="1" t="s">
        <v>1541</v>
      </c>
      <c r="F355" s="1" t="s">
        <v>339</v>
      </c>
      <c r="G355" s="3">
        <v>1</v>
      </c>
      <c r="H355" s="1" t="s">
        <v>861</v>
      </c>
      <c r="I355" s="1" t="s">
        <v>25</v>
      </c>
      <c r="J355" s="1" t="s">
        <v>25</v>
      </c>
      <c r="K355" s="1" t="s">
        <v>25</v>
      </c>
      <c r="L355" s="1" t="s">
        <v>24</v>
      </c>
      <c r="M355" s="1" t="s">
        <v>24</v>
      </c>
      <c r="N355" s="1" t="s">
        <v>24</v>
      </c>
      <c r="O355" s="1">
        <v>35.374477059999997</v>
      </c>
      <c r="P355" s="1">
        <v>133.18117860000001</v>
      </c>
    </row>
    <row r="356" spans="1:16" ht="20.100000000000001" customHeight="1" x14ac:dyDescent="0.4">
      <c r="A356" s="1" t="s">
        <v>1542</v>
      </c>
      <c r="B356" s="1" t="s">
        <v>96</v>
      </c>
      <c r="C356" s="1" t="s">
        <v>1543</v>
      </c>
      <c r="D356" s="1" t="s">
        <v>53</v>
      </c>
      <c r="E356" s="1" t="s">
        <v>1544</v>
      </c>
      <c r="F356" s="1" t="s">
        <v>339</v>
      </c>
      <c r="G356" s="3">
        <v>1</v>
      </c>
      <c r="H356" s="1" t="s">
        <v>861</v>
      </c>
      <c r="I356" s="1" t="s">
        <v>25</v>
      </c>
      <c r="J356" s="1" t="s">
        <v>24</v>
      </c>
      <c r="K356" s="1" t="s">
        <v>25</v>
      </c>
      <c r="L356" s="1" t="s">
        <v>24</v>
      </c>
      <c r="M356" s="1" t="s">
        <v>24</v>
      </c>
      <c r="N356" s="1" t="s">
        <v>24</v>
      </c>
      <c r="O356" s="1">
        <v>35.425882719999997</v>
      </c>
      <c r="P356" s="1">
        <v>133.24776449999999</v>
      </c>
    </row>
    <row r="357" spans="1:16" ht="20.100000000000001" customHeight="1" x14ac:dyDescent="0.4">
      <c r="A357" s="1" t="s">
        <v>1545</v>
      </c>
      <c r="B357" s="1" t="s">
        <v>1281</v>
      </c>
      <c r="C357" s="1" t="s">
        <v>1546</v>
      </c>
      <c r="D357" s="1" t="s">
        <v>53</v>
      </c>
      <c r="E357" s="1" t="s">
        <v>1547</v>
      </c>
      <c r="F357" s="1" t="s">
        <v>339</v>
      </c>
      <c r="G357" s="3">
        <v>1</v>
      </c>
      <c r="H357" s="1" t="s">
        <v>861</v>
      </c>
      <c r="I357" s="1" t="s">
        <v>25</v>
      </c>
      <c r="J357" s="1" t="s">
        <v>24</v>
      </c>
      <c r="K357" s="1" t="s">
        <v>25</v>
      </c>
      <c r="L357" s="1" t="s">
        <v>24</v>
      </c>
      <c r="M357" s="1" t="s">
        <v>24</v>
      </c>
      <c r="N357" s="1" t="s">
        <v>24</v>
      </c>
      <c r="O357" s="1">
        <v>35.431053839999997</v>
      </c>
      <c r="P357" s="1">
        <v>133.1510145</v>
      </c>
    </row>
    <row r="358" spans="1:16" ht="20.100000000000001" customHeight="1" x14ac:dyDescent="0.4">
      <c r="A358" s="1" t="s">
        <v>1548</v>
      </c>
      <c r="B358" s="1" t="s">
        <v>96</v>
      </c>
      <c r="C358" s="1" t="s">
        <v>1549</v>
      </c>
      <c r="D358" s="1" t="s">
        <v>53</v>
      </c>
      <c r="E358" s="1" t="s">
        <v>1550</v>
      </c>
      <c r="F358" s="1" t="s">
        <v>339</v>
      </c>
      <c r="G358" s="3">
        <v>1</v>
      </c>
      <c r="H358" s="1" t="s">
        <v>861</v>
      </c>
      <c r="I358" s="1" t="s">
        <v>25</v>
      </c>
      <c r="J358" s="1" t="s">
        <v>24</v>
      </c>
      <c r="K358" s="1" t="s">
        <v>25</v>
      </c>
      <c r="L358" s="1" t="s">
        <v>24</v>
      </c>
      <c r="M358" s="1" t="s">
        <v>24</v>
      </c>
      <c r="N358" s="1" t="s">
        <v>24</v>
      </c>
      <c r="O358" s="1">
        <v>35.4260327</v>
      </c>
      <c r="P358" s="1">
        <v>133.24603060000001</v>
      </c>
    </row>
    <row r="359" spans="1:16" ht="20.100000000000001" customHeight="1" x14ac:dyDescent="0.4">
      <c r="A359" s="1" t="s">
        <v>1551</v>
      </c>
      <c r="B359" s="1" t="s">
        <v>935</v>
      </c>
      <c r="C359" s="1" t="s">
        <v>1552</v>
      </c>
      <c r="D359" s="1" t="s">
        <v>53</v>
      </c>
      <c r="E359" s="1" t="s">
        <v>1553</v>
      </c>
      <c r="F359" s="1" t="s">
        <v>339</v>
      </c>
      <c r="G359" s="3">
        <v>1</v>
      </c>
      <c r="H359" s="1" t="s">
        <v>861</v>
      </c>
      <c r="I359" s="1" t="s">
        <v>25</v>
      </c>
      <c r="J359" s="1" t="s">
        <v>24</v>
      </c>
      <c r="K359" s="1" t="s">
        <v>25</v>
      </c>
      <c r="L359" s="1" t="s">
        <v>24</v>
      </c>
      <c r="M359" s="1" t="s">
        <v>24</v>
      </c>
      <c r="N359" s="1" t="s">
        <v>24</v>
      </c>
      <c r="O359" s="1">
        <v>35.43358207</v>
      </c>
      <c r="P359" s="1">
        <v>133.23646289999999</v>
      </c>
    </row>
    <row r="360" spans="1:16" ht="20.100000000000001" customHeight="1" x14ac:dyDescent="0.4">
      <c r="A360" s="1" t="s">
        <v>1554</v>
      </c>
      <c r="B360" s="1" t="s">
        <v>1555</v>
      </c>
      <c r="C360" s="1" t="s">
        <v>1556</v>
      </c>
      <c r="D360" s="1" t="s">
        <v>53</v>
      </c>
      <c r="E360" s="1" t="s">
        <v>1557</v>
      </c>
      <c r="F360" s="1" t="s">
        <v>339</v>
      </c>
      <c r="G360" s="3">
        <v>1</v>
      </c>
      <c r="H360" s="1" t="s">
        <v>861</v>
      </c>
      <c r="I360" s="1" t="s">
        <v>25</v>
      </c>
      <c r="J360" s="1" t="s">
        <v>24</v>
      </c>
      <c r="K360" s="1" t="s">
        <v>25</v>
      </c>
      <c r="L360" s="1" t="s">
        <v>24</v>
      </c>
      <c r="M360" s="1" t="s">
        <v>24</v>
      </c>
      <c r="N360" s="1" t="s">
        <v>24</v>
      </c>
      <c r="O360" s="1">
        <v>35.38726355</v>
      </c>
      <c r="P360" s="1">
        <v>133.2527268</v>
      </c>
    </row>
    <row r="361" spans="1:16" ht="20.100000000000001" customHeight="1" x14ac:dyDescent="0.4">
      <c r="A361" s="1" t="s">
        <v>1558</v>
      </c>
      <c r="B361" s="1" t="s">
        <v>342</v>
      </c>
      <c r="C361" s="1" t="s">
        <v>1559</v>
      </c>
      <c r="D361" s="1" t="s">
        <v>53</v>
      </c>
      <c r="E361" s="1" t="s">
        <v>1560</v>
      </c>
      <c r="F361" s="1" t="s">
        <v>339</v>
      </c>
      <c r="G361" s="3">
        <v>1</v>
      </c>
      <c r="H361" s="1" t="s">
        <v>861</v>
      </c>
      <c r="I361" s="1" t="s">
        <v>25</v>
      </c>
      <c r="J361" s="1" t="s">
        <v>24</v>
      </c>
      <c r="K361" s="1" t="s">
        <v>25</v>
      </c>
      <c r="L361" s="1" t="s">
        <v>24</v>
      </c>
      <c r="M361" s="1" t="s">
        <v>24</v>
      </c>
      <c r="N361" s="1" t="s">
        <v>24</v>
      </c>
      <c r="O361" s="1">
        <v>35.432131249999998</v>
      </c>
      <c r="P361" s="1">
        <v>133.26712079999999</v>
      </c>
    </row>
    <row r="362" spans="1:16" ht="20.100000000000001" customHeight="1" x14ac:dyDescent="0.4">
      <c r="A362" s="1" t="s">
        <v>1561</v>
      </c>
      <c r="B362" s="1" t="s">
        <v>1562</v>
      </c>
      <c r="C362" s="1" t="s">
        <v>1563</v>
      </c>
      <c r="D362" s="1" t="s">
        <v>53</v>
      </c>
      <c r="E362" s="1" t="s">
        <v>1564</v>
      </c>
      <c r="F362" s="1" t="s">
        <v>339</v>
      </c>
      <c r="G362" s="3">
        <v>1</v>
      </c>
      <c r="H362" s="1" t="s">
        <v>861</v>
      </c>
      <c r="I362" s="1" t="s">
        <v>25</v>
      </c>
      <c r="J362" s="1" t="s">
        <v>25</v>
      </c>
      <c r="K362" s="1" t="s">
        <v>25</v>
      </c>
      <c r="L362" s="1" t="s">
        <v>24</v>
      </c>
      <c r="M362" s="1" t="s">
        <v>24</v>
      </c>
      <c r="N362" s="1" t="s">
        <v>24</v>
      </c>
      <c r="O362" s="1">
        <v>35.408147939999999</v>
      </c>
      <c r="P362" s="1">
        <v>133.20892280000001</v>
      </c>
    </row>
    <row r="363" spans="1:16" ht="20.100000000000001" customHeight="1" x14ac:dyDescent="0.4">
      <c r="A363" s="1" t="s">
        <v>1565</v>
      </c>
      <c r="B363" s="1" t="s">
        <v>1566</v>
      </c>
      <c r="C363" s="1" t="s">
        <v>1567</v>
      </c>
      <c r="D363" s="1" t="s">
        <v>53</v>
      </c>
      <c r="E363" s="1" t="s">
        <v>1568</v>
      </c>
      <c r="F363" s="1" t="s">
        <v>339</v>
      </c>
      <c r="G363" s="3">
        <v>1</v>
      </c>
      <c r="H363" s="1" t="s">
        <v>861</v>
      </c>
      <c r="I363" s="1" t="s">
        <v>25</v>
      </c>
      <c r="J363" s="1" t="s">
        <v>24</v>
      </c>
      <c r="K363" s="1" t="s">
        <v>25</v>
      </c>
      <c r="L363" s="1" t="s">
        <v>24</v>
      </c>
      <c r="M363" s="1" t="s">
        <v>24</v>
      </c>
      <c r="N363" s="1" t="s">
        <v>24</v>
      </c>
      <c r="O363" s="1">
        <v>35.43209066</v>
      </c>
      <c r="P363" s="1">
        <v>133.1938222</v>
      </c>
    </row>
    <row r="364" spans="1:16" ht="20.100000000000001" customHeight="1" x14ac:dyDescent="0.4">
      <c r="A364" s="1" t="s">
        <v>1569</v>
      </c>
      <c r="B364" s="1" t="s">
        <v>1570</v>
      </c>
      <c r="C364" s="1" t="s">
        <v>1571</v>
      </c>
      <c r="D364" s="1" t="s">
        <v>19</v>
      </c>
      <c r="E364" s="1" t="s">
        <v>1572</v>
      </c>
      <c r="F364" s="1" t="s">
        <v>339</v>
      </c>
      <c r="G364" s="3">
        <v>1</v>
      </c>
      <c r="H364" s="1" t="s">
        <v>861</v>
      </c>
      <c r="I364" s="1" t="s">
        <v>25</v>
      </c>
      <c r="J364" s="1" t="s">
        <v>25</v>
      </c>
      <c r="K364" s="1" t="s">
        <v>25</v>
      </c>
      <c r="L364" s="1" t="s">
        <v>24</v>
      </c>
      <c r="M364" s="1" t="s">
        <v>24</v>
      </c>
      <c r="N364" s="1" t="s">
        <v>24</v>
      </c>
      <c r="O364" s="1">
        <v>35.357448410000003</v>
      </c>
      <c r="P364" s="1">
        <v>132.74582699999999</v>
      </c>
    </row>
    <row r="365" spans="1:16" ht="20.100000000000001" customHeight="1" x14ac:dyDescent="0.4">
      <c r="A365" s="1" t="s">
        <v>1573</v>
      </c>
      <c r="B365" s="1" t="s">
        <v>640</v>
      </c>
      <c r="C365" s="1" t="s">
        <v>1574</v>
      </c>
      <c r="D365" s="1" t="s">
        <v>19</v>
      </c>
      <c r="E365" s="1" t="s">
        <v>1575</v>
      </c>
      <c r="F365" s="1" t="s">
        <v>339</v>
      </c>
      <c r="G365" s="3">
        <v>1</v>
      </c>
      <c r="H365" s="1" t="s">
        <v>861</v>
      </c>
      <c r="I365" s="1" t="s">
        <v>25</v>
      </c>
      <c r="J365" s="1" t="s">
        <v>24</v>
      </c>
      <c r="K365" s="1" t="s">
        <v>25</v>
      </c>
      <c r="L365" s="1" t="s">
        <v>24</v>
      </c>
      <c r="M365" s="1" t="s">
        <v>24</v>
      </c>
      <c r="N365" s="1" t="s">
        <v>24</v>
      </c>
      <c r="O365" s="1">
        <v>35.355783109999997</v>
      </c>
      <c r="P365" s="1">
        <v>132.75502589999999</v>
      </c>
    </row>
    <row r="366" spans="1:16" ht="20.100000000000001" customHeight="1" x14ac:dyDescent="0.4">
      <c r="A366" s="1" t="s">
        <v>1576</v>
      </c>
      <c r="B366" s="1" t="s">
        <v>178</v>
      </c>
      <c r="C366" s="1" t="s">
        <v>1577</v>
      </c>
      <c r="D366" s="1" t="s">
        <v>19</v>
      </c>
      <c r="E366" s="1" t="s">
        <v>1578</v>
      </c>
      <c r="F366" s="1" t="s">
        <v>339</v>
      </c>
      <c r="G366" s="3">
        <v>1</v>
      </c>
      <c r="H366" s="1" t="s">
        <v>861</v>
      </c>
      <c r="I366" s="1" t="s">
        <v>25</v>
      </c>
      <c r="J366" s="1" t="s">
        <v>25</v>
      </c>
      <c r="K366" s="1" t="s">
        <v>25</v>
      </c>
      <c r="L366" s="1" t="s">
        <v>24</v>
      </c>
      <c r="M366" s="1" t="s">
        <v>24</v>
      </c>
      <c r="N366" s="1" t="s">
        <v>24</v>
      </c>
      <c r="O366" s="1">
        <v>35.285922460000002</v>
      </c>
      <c r="P366" s="1">
        <v>132.6273851</v>
      </c>
    </row>
    <row r="367" spans="1:16" ht="20.100000000000001" customHeight="1" x14ac:dyDescent="0.4">
      <c r="A367" s="1" t="s">
        <v>1579</v>
      </c>
      <c r="B367" s="1" t="s">
        <v>1580</v>
      </c>
      <c r="C367" s="1" t="s">
        <v>1581</v>
      </c>
      <c r="D367" s="1" t="s">
        <v>84</v>
      </c>
      <c r="E367" s="1" t="s">
        <v>1582</v>
      </c>
      <c r="F367" s="1" t="s">
        <v>339</v>
      </c>
      <c r="G367" s="3">
        <v>1</v>
      </c>
      <c r="H367" s="1" t="s">
        <v>861</v>
      </c>
      <c r="I367" s="1" t="s">
        <v>25</v>
      </c>
      <c r="J367" s="1" t="s">
        <v>24</v>
      </c>
      <c r="K367" s="1" t="s">
        <v>25</v>
      </c>
      <c r="L367" s="1" t="s">
        <v>24</v>
      </c>
      <c r="M367" s="1" t="s">
        <v>24</v>
      </c>
      <c r="N367" s="1" t="s">
        <v>24</v>
      </c>
      <c r="O367" s="1">
        <v>35.223980019999999</v>
      </c>
      <c r="P367" s="1">
        <v>132.51583020000001</v>
      </c>
    </row>
    <row r="368" spans="1:16" ht="20.100000000000001" customHeight="1" x14ac:dyDescent="0.4">
      <c r="A368" s="1" t="s">
        <v>1583</v>
      </c>
      <c r="B368" s="1" t="s">
        <v>102</v>
      </c>
      <c r="C368" s="1" t="s">
        <v>1584</v>
      </c>
      <c r="D368" s="1" t="s">
        <v>84</v>
      </c>
      <c r="E368" s="1" t="s">
        <v>1585</v>
      </c>
      <c r="F368" s="1" t="s">
        <v>339</v>
      </c>
      <c r="G368" s="3">
        <v>1</v>
      </c>
      <c r="H368" s="1" t="s">
        <v>861</v>
      </c>
      <c r="I368" s="1" t="s">
        <v>25</v>
      </c>
      <c r="J368" s="1" t="s">
        <v>24</v>
      </c>
      <c r="K368" s="1" t="s">
        <v>25</v>
      </c>
      <c r="L368" s="1" t="s">
        <v>24</v>
      </c>
      <c r="M368" s="1" t="s">
        <v>24</v>
      </c>
      <c r="N368" s="1" t="s">
        <v>24</v>
      </c>
      <c r="O368" s="1">
        <v>35.203187880000002</v>
      </c>
      <c r="P368" s="1">
        <v>132.50387430000001</v>
      </c>
    </row>
    <row r="369" spans="1:16" ht="20.100000000000001" customHeight="1" x14ac:dyDescent="0.4">
      <c r="A369" s="1" t="s">
        <v>1586</v>
      </c>
      <c r="B369" s="1" t="s">
        <v>421</v>
      </c>
      <c r="C369" s="1" t="s">
        <v>1587</v>
      </c>
      <c r="D369" s="1" t="s">
        <v>84</v>
      </c>
      <c r="E369" s="1" t="s">
        <v>1588</v>
      </c>
      <c r="F369" s="1" t="s">
        <v>339</v>
      </c>
      <c r="G369" s="3">
        <v>1</v>
      </c>
      <c r="H369" s="1" t="s">
        <v>861</v>
      </c>
      <c r="I369" s="1" t="s">
        <v>25</v>
      </c>
      <c r="J369" s="1" t="s">
        <v>24</v>
      </c>
      <c r="K369" s="1" t="s">
        <v>25</v>
      </c>
      <c r="L369" s="1" t="s">
        <v>24</v>
      </c>
      <c r="M369" s="1" t="s">
        <v>24</v>
      </c>
      <c r="N369" s="1" t="s">
        <v>24</v>
      </c>
      <c r="O369" s="1">
        <v>35.198828319999997</v>
      </c>
      <c r="P369" s="1">
        <v>132.4950388</v>
      </c>
    </row>
    <row r="370" spans="1:16" ht="20.100000000000001" customHeight="1" x14ac:dyDescent="0.4">
      <c r="A370" s="1" t="s">
        <v>1589</v>
      </c>
      <c r="B370" s="1" t="s">
        <v>102</v>
      </c>
      <c r="C370" s="1" t="s">
        <v>1590</v>
      </c>
      <c r="D370" s="1" t="s">
        <v>84</v>
      </c>
      <c r="E370" s="1" t="s">
        <v>1591</v>
      </c>
      <c r="F370" s="1" t="s">
        <v>339</v>
      </c>
      <c r="G370" s="3">
        <v>1</v>
      </c>
      <c r="H370" s="1" t="s">
        <v>861</v>
      </c>
      <c r="I370" s="1" t="s">
        <v>25</v>
      </c>
      <c r="J370" s="1" t="s">
        <v>25</v>
      </c>
      <c r="K370" s="1" t="s">
        <v>25</v>
      </c>
      <c r="L370" s="1" t="s">
        <v>24</v>
      </c>
      <c r="M370" s="1" t="s">
        <v>24</v>
      </c>
      <c r="N370" s="1" t="s">
        <v>24</v>
      </c>
      <c r="O370" s="1">
        <v>35.188917670000002</v>
      </c>
      <c r="P370" s="1">
        <v>132.50399870000001</v>
      </c>
    </row>
    <row r="371" spans="1:16" ht="20.100000000000001" customHeight="1" x14ac:dyDescent="0.4">
      <c r="A371" s="1" t="s">
        <v>1592</v>
      </c>
      <c r="B371" s="1" t="s">
        <v>102</v>
      </c>
      <c r="C371" s="1" t="s">
        <v>1593</v>
      </c>
      <c r="D371" s="1" t="s">
        <v>84</v>
      </c>
      <c r="E371" s="1" t="s">
        <v>1594</v>
      </c>
      <c r="F371" s="1" t="s">
        <v>339</v>
      </c>
      <c r="G371" s="3">
        <v>1</v>
      </c>
      <c r="H371" s="1" t="s">
        <v>861</v>
      </c>
      <c r="I371" s="1" t="s">
        <v>25</v>
      </c>
      <c r="J371" s="1" t="s">
        <v>25</v>
      </c>
      <c r="K371" s="1" t="s">
        <v>25</v>
      </c>
      <c r="L371" s="1" t="s">
        <v>24</v>
      </c>
      <c r="M371" s="1" t="s">
        <v>24</v>
      </c>
      <c r="N371" s="1" t="s">
        <v>24</v>
      </c>
      <c r="O371" s="1">
        <v>35.1964197</v>
      </c>
      <c r="P371" s="1">
        <v>132.50009929999999</v>
      </c>
    </row>
    <row r="372" spans="1:16" ht="20.100000000000001" customHeight="1" x14ac:dyDescent="0.4">
      <c r="A372" s="1" t="s">
        <v>1595</v>
      </c>
      <c r="B372" s="1" t="s">
        <v>1596</v>
      </c>
      <c r="C372" s="1" t="s">
        <v>1597</v>
      </c>
      <c r="D372" s="1" t="s">
        <v>29</v>
      </c>
      <c r="E372" s="1" t="s">
        <v>1598</v>
      </c>
      <c r="F372" s="1" t="s">
        <v>339</v>
      </c>
      <c r="G372" s="3">
        <v>1</v>
      </c>
      <c r="H372" s="1" t="s">
        <v>861</v>
      </c>
      <c r="I372" s="1" t="s">
        <v>25</v>
      </c>
      <c r="J372" s="1" t="s">
        <v>25</v>
      </c>
      <c r="K372" s="1" t="s">
        <v>25</v>
      </c>
      <c r="L372" s="1" t="s">
        <v>24</v>
      </c>
      <c r="M372" s="1" t="s">
        <v>24</v>
      </c>
      <c r="N372" s="1" t="s">
        <v>24</v>
      </c>
      <c r="O372" s="1">
        <v>34.980284689999998</v>
      </c>
      <c r="P372" s="1">
        <v>132.17964799999999</v>
      </c>
    </row>
    <row r="373" spans="1:16" ht="20.100000000000001" customHeight="1" x14ac:dyDescent="0.4">
      <c r="A373" s="1" t="s">
        <v>1599</v>
      </c>
      <c r="B373" s="1" t="s">
        <v>748</v>
      </c>
      <c r="C373" s="1" t="s">
        <v>1600</v>
      </c>
      <c r="D373" s="1" t="s">
        <v>29</v>
      </c>
      <c r="E373" s="1" t="s">
        <v>1601</v>
      </c>
      <c r="F373" s="1" t="s">
        <v>339</v>
      </c>
      <c r="G373" s="3">
        <v>1</v>
      </c>
      <c r="H373" s="1" t="s">
        <v>861</v>
      </c>
      <c r="I373" s="1" t="s">
        <v>25</v>
      </c>
      <c r="J373" s="1" t="s">
        <v>25</v>
      </c>
      <c r="K373" s="1" t="s">
        <v>25</v>
      </c>
      <c r="L373" s="1" t="s">
        <v>24</v>
      </c>
      <c r="M373" s="1" t="s">
        <v>24</v>
      </c>
      <c r="N373" s="1" t="s">
        <v>24</v>
      </c>
      <c r="O373" s="1">
        <v>35.010371659999997</v>
      </c>
      <c r="P373" s="1">
        <v>132.2181191</v>
      </c>
    </row>
    <row r="374" spans="1:16" ht="20.100000000000001" customHeight="1" x14ac:dyDescent="0.4">
      <c r="A374" s="1" t="s">
        <v>1602</v>
      </c>
      <c r="B374" s="1" t="s">
        <v>220</v>
      </c>
      <c r="C374" s="1" t="s">
        <v>1603</v>
      </c>
      <c r="D374" s="1" t="s">
        <v>29</v>
      </c>
      <c r="E374" s="1" t="s">
        <v>1604</v>
      </c>
      <c r="F374" s="1" t="s">
        <v>339</v>
      </c>
      <c r="G374" s="3">
        <v>1</v>
      </c>
      <c r="H374" s="1" t="s">
        <v>861</v>
      </c>
      <c r="I374" s="1" t="s">
        <v>25</v>
      </c>
      <c r="J374" s="1" t="s">
        <v>25</v>
      </c>
      <c r="K374" s="1" t="s">
        <v>25</v>
      </c>
      <c r="L374" s="1" t="s">
        <v>24</v>
      </c>
      <c r="M374" s="1" t="s">
        <v>24</v>
      </c>
      <c r="N374" s="1" t="s">
        <v>24</v>
      </c>
      <c r="O374" s="1">
        <v>35.012530390000002</v>
      </c>
      <c r="P374" s="1">
        <v>132.2166422</v>
      </c>
    </row>
    <row r="375" spans="1:16" ht="20.100000000000001" customHeight="1" x14ac:dyDescent="0.4">
      <c r="A375" s="1" t="s">
        <v>1605</v>
      </c>
      <c r="B375" s="1" t="s">
        <v>1606</v>
      </c>
      <c r="C375" s="1" t="s">
        <v>1607</v>
      </c>
      <c r="D375" s="1" t="s">
        <v>29</v>
      </c>
      <c r="E375" s="1" t="s">
        <v>1608</v>
      </c>
      <c r="F375" s="1" t="s">
        <v>339</v>
      </c>
      <c r="G375" s="3">
        <v>1</v>
      </c>
      <c r="H375" s="1" t="s">
        <v>861</v>
      </c>
      <c r="I375" s="1" t="s">
        <v>25</v>
      </c>
      <c r="J375" s="1" t="s">
        <v>24</v>
      </c>
      <c r="K375" s="1" t="s">
        <v>25</v>
      </c>
      <c r="L375" s="1" t="s">
        <v>24</v>
      </c>
      <c r="M375" s="1" t="s">
        <v>24</v>
      </c>
      <c r="N375" s="1" t="s">
        <v>24</v>
      </c>
      <c r="O375" s="1">
        <v>34.969914520000003</v>
      </c>
      <c r="P375" s="1">
        <v>132.32834980000001</v>
      </c>
    </row>
    <row r="376" spans="1:16" ht="20.100000000000001" customHeight="1" x14ac:dyDescent="0.4">
      <c r="A376" s="1" t="s">
        <v>1609</v>
      </c>
      <c r="B376" s="1" t="s">
        <v>1610</v>
      </c>
      <c r="C376" s="1" t="s">
        <v>1611</v>
      </c>
      <c r="D376" s="1" t="s">
        <v>29</v>
      </c>
      <c r="E376" s="1" t="s">
        <v>1612</v>
      </c>
      <c r="F376" s="1" t="s">
        <v>339</v>
      </c>
      <c r="G376" s="3">
        <v>1</v>
      </c>
      <c r="H376" s="1" t="s">
        <v>861</v>
      </c>
      <c r="I376" s="1" t="s">
        <v>25</v>
      </c>
      <c r="J376" s="1" t="s">
        <v>24</v>
      </c>
      <c r="K376" s="1" t="s">
        <v>25</v>
      </c>
      <c r="L376" s="1" t="s">
        <v>24</v>
      </c>
      <c r="M376" s="1" t="s">
        <v>24</v>
      </c>
      <c r="N376" s="1" t="s">
        <v>24</v>
      </c>
      <c r="O376" s="1">
        <v>34.98789799</v>
      </c>
      <c r="P376" s="1">
        <v>132.18736730000001</v>
      </c>
    </row>
    <row r="377" spans="1:16" ht="20.100000000000001" customHeight="1" x14ac:dyDescent="0.4">
      <c r="A377" s="1" t="s">
        <v>1613</v>
      </c>
      <c r="B377" s="1" t="s">
        <v>135</v>
      </c>
      <c r="C377" s="1" t="s">
        <v>1614</v>
      </c>
      <c r="D377" s="1" t="s">
        <v>84</v>
      </c>
      <c r="E377" s="1" t="s">
        <v>1615</v>
      </c>
      <c r="F377" s="1" t="s">
        <v>339</v>
      </c>
      <c r="G377" s="3">
        <v>1</v>
      </c>
      <c r="H377" s="1" t="s">
        <v>861</v>
      </c>
      <c r="I377" s="1" t="s">
        <v>25</v>
      </c>
      <c r="J377" s="1" t="s">
        <v>24</v>
      </c>
      <c r="K377" s="1" t="s">
        <v>25</v>
      </c>
      <c r="L377" s="1" t="s">
        <v>24</v>
      </c>
      <c r="M377" s="1" t="s">
        <v>24</v>
      </c>
      <c r="N377" s="1" t="s">
        <v>24</v>
      </c>
      <c r="O377" s="1">
        <v>35.149397389999997</v>
      </c>
      <c r="P377" s="1">
        <v>132.40482460000001</v>
      </c>
    </row>
    <row r="378" spans="1:16" ht="20.100000000000001" customHeight="1" x14ac:dyDescent="0.4">
      <c r="A378" s="1" t="s">
        <v>1616</v>
      </c>
      <c r="B378" s="1" t="s">
        <v>1617</v>
      </c>
      <c r="C378" s="1" t="s">
        <v>1618</v>
      </c>
      <c r="D378" s="1" t="s">
        <v>29</v>
      </c>
      <c r="E378" s="1" t="s">
        <v>1619</v>
      </c>
      <c r="F378" s="1" t="s">
        <v>339</v>
      </c>
      <c r="G378" s="3">
        <v>1</v>
      </c>
      <c r="H378" s="1" t="s">
        <v>861</v>
      </c>
      <c r="I378" s="1" t="s">
        <v>25</v>
      </c>
      <c r="J378" s="1" t="s">
        <v>24</v>
      </c>
      <c r="K378" s="1" t="s">
        <v>25</v>
      </c>
      <c r="L378" s="1" t="s">
        <v>24</v>
      </c>
      <c r="M378" s="1" t="s">
        <v>24</v>
      </c>
      <c r="N378" s="1" t="s">
        <v>24</v>
      </c>
      <c r="O378" s="1">
        <v>34.810292840000002</v>
      </c>
      <c r="P378" s="1">
        <v>131.9693848</v>
      </c>
    </row>
    <row r="379" spans="1:16" ht="20.100000000000001" customHeight="1" x14ac:dyDescent="0.4">
      <c r="A379" s="1" t="s">
        <v>1620</v>
      </c>
      <c r="B379" s="1" t="s">
        <v>619</v>
      </c>
      <c r="C379" s="1" t="s">
        <v>1621</v>
      </c>
      <c r="D379" s="1" t="s">
        <v>19</v>
      </c>
      <c r="E379" s="1" t="s">
        <v>1622</v>
      </c>
      <c r="F379" s="1" t="s">
        <v>339</v>
      </c>
      <c r="G379" s="3">
        <v>1</v>
      </c>
      <c r="H379" s="1" t="s">
        <v>861</v>
      </c>
      <c r="I379" s="1" t="s">
        <v>25</v>
      </c>
      <c r="J379" s="1" t="s">
        <v>24</v>
      </c>
      <c r="K379" s="1" t="s">
        <v>25</v>
      </c>
      <c r="L379" s="1" t="s">
        <v>24</v>
      </c>
      <c r="M379" s="1" t="s">
        <v>24</v>
      </c>
      <c r="N379" s="1" t="s">
        <v>24</v>
      </c>
      <c r="O379" s="1">
        <v>35.361000420000003</v>
      </c>
      <c r="P379" s="1">
        <v>132.7548257</v>
      </c>
    </row>
    <row r="380" spans="1:16" ht="20.100000000000001" customHeight="1" x14ac:dyDescent="0.4">
      <c r="A380" s="1" t="s">
        <v>1623</v>
      </c>
      <c r="B380" s="1" t="s">
        <v>297</v>
      </c>
      <c r="C380" s="1" t="s">
        <v>1624</v>
      </c>
      <c r="D380" s="1" t="s">
        <v>19</v>
      </c>
      <c r="E380" s="1" t="s">
        <v>1625</v>
      </c>
      <c r="F380" s="1" t="s">
        <v>339</v>
      </c>
      <c r="G380" s="3">
        <v>1</v>
      </c>
      <c r="H380" s="1" t="s">
        <v>861</v>
      </c>
      <c r="I380" s="1" t="s">
        <v>25</v>
      </c>
      <c r="J380" s="1" t="s">
        <v>25</v>
      </c>
      <c r="K380" s="1" t="s">
        <v>25</v>
      </c>
      <c r="L380" s="1" t="s">
        <v>24</v>
      </c>
      <c r="M380" s="1" t="s">
        <v>24</v>
      </c>
      <c r="N380" s="1" t="s">
        <v>24</v>
      </c>
      <c r="O380" s="1">
        <v>35.361000420000003</v>
      </c>
      <c r="P380" s="1">
        <v>132.7548257</v>
      </c>
    </row>
    <row r="381" spans="1:16" ht="20.100000000000001" customHeight="1" x14ac:dyDescent="0.4">
      <c r="A381" s="1" t="s">
        <v>1626</v>
      </c>
      <c r="B381" s="1" t="s">
        <v>1627</v>
      </c>
      <c r="C381" s="1" t="s">
        <v>1628</v>
      </c>
      <c r="D381" s="1" t="s">
        <v>47</v>
      </c>
      <c r="E381" s="1" t="s">
        <v>1629</v>
      </c>
      <c r="F381" s="1" t="s">
        <v>339</v>
      </c>
      <c r="G381" s="3">
        <v>1</v>
      </c>
      <c r="H381" s="1" t="s">
        <v>861</v>
      </c>
      <c r="I381" s="1" t="s">
        <v>25</v>
      </c>
      <c r="J381" s="1" t="s">
        <v>24</v>
      </c>
      <c r="K381" s="1" t="s">
        <v>25</v>
      </c>
      <c r="L381" s="1" t="s">
        <v>24</v>
      </c>
      <c r="M381" s="1" t="s">
        <v>24</v>
      </c>
      <c r="N381" s="1" t="s">
        <v>24</v>
      </c>
      <c r="O381" s="1">
        <v>35.213274929999997</v>
      </c>
      <c r="P381" s="1">
        <v>132.81860950000001</v>
      </c>
    </row>
    <row r="382" spans="1:16" ht="20.100000000000001" customHeight="1" x14ac:dyDescent="0.4">
      <c r="A382" s="1" t="s">
        <v>1630</v>
      </c>
      <c r="B382" s="1" t="s">
        <v>651</v>
      </c>
      <c r="C382" s="1" t="s">
        <v>1631</v>
      </c>
      <c r="D382" s="1" t="s">
        <v>47</v>
      </c>
      <c r="E382" s="1" t="s">
        <v>1632</v>
      </c>
      <c r="F382" s="1" t="s">
        <v>339</v>
      </c>
      <c r="G382" s="3">
        <v>1</v>
      </c>
      <c r="H382" s="1" t="s">
        <v>861</v>
      </c>
      <c r="I382" s="1" t="s">
        <v>25</v>
      </c>
      <c r="J382" s="1" t="s">
        <v>24</v>
      </c>
      <c r="K382" s="1" t="s">
        <v>25</v>
      </c>
      <c r="L382" s="1" t="s">
        <v>24</v>
      </c>
      <c r="M382" s="1" t="s">
        <v>24</v>
      </c>
      <c r="N382" s="1" t="s">
        <v>24</v>
      </c>
      <c r="O382" s="1">
        <v>35.30260629</v>
      </c>
      <c r="P382" s="1">
        <v>132.8950858</v>
      </c>
    </row>
    <row r="383" spans="1:16" ht="20.100000000000001" customHeight="1" x14ac:dyDescent="0.4">
      <c r="A383" s="1" t="s">
        <v>1633</v>
      </c>
      <c r="B383" s="1" t="s">
        <v>651</v>
      </c>
      <c r="C383" s="1" t="s">
        <v>1634</v>
      </c>
      <c r="D383" s="1" t="s">
        <v>47</v>
      </c>
      <c r="E383" s="1" t="s">
        <v>1635</v>
      </c>
      <c r="F383" s="1" t="s">
        <v>339</v>
      </c>
      <c r="G383" s="3">
        <v>1</v>
      </c>
      <c r="H383" s="1" t="s">
        <v>861</v>
      </c>
      <c r="I383" s="1" t="s">
        <v>25</v>
      </c>
      <c r="J383" s="1" t="s">
        <v>24</v>
      </c>
      <c r="K383" s="1" t="s">
        <v>25</v>
      </c>
      <c r="L383" s="1" t="s">
        <v>24</v>
      </c>
      <c r="M383" s="1" t="s">
        <v>24</v>
      </c>
      <c r="N383" s="1" t="s">
        <v>24</v>
      </c>
      <c r="O383" s="1">
        <v>35.302362279999997</v>
      </c>
      <c r="P383" s="1">
        <v>132.89327599999999</v>
      </c>
    </row>
    <row r="384" spans="1:16" ht="20.100000000000001" customHeight="1" x14ac:dyDescent="0.4">
      <c r="A384" s="1" t="s">
        <v>1636</v>
      </c>
      <c r="B384" s="1" t="s">
        <v>1104</v>
      </c>
      <c r="C384" s="1" t="s">
        <v>1637</v>
      </c>
      <c r="D384" s="1" t="s">
        <v>47</v>
      </c>
      <c r="E384" s="1" t="s">
        <v>1638</v>
      </c>
      <c r="F384" s="1" t="s">
        <v>339</v>
      </c>
      <c r="G384" s="3">
        <v>1</v>
      </c>
      <c r="H384" s="1" t="s">
        <v>861</v>
      </c>
      <c r="I384" s="1" t="s">
        <v>25</v>
      </c>
      <c r="J384" s="1" t="s">
        <v>24</v>
      </c>
      <c r="K384" s="1" t="s">
        <v>25</v>
      </c>
      <c r="L384" s="1" t="s">
        <v>24</v>
      </c>
      <c r="M384" s="1" t="s">
        <v>24</v>
      </c>
      <c r="N384" s="1" t="s">
        <v>24</v>
      </c>
      <c r="O384" s="1">
        <v>35.295964939999998</v>
      </c>
      <c r="P384" s="1">
        <v>132.88479699999999</v>
      </c>
    </row>
    <row r="385" spans="1:16" ht="20.100000000000001" customHeight="1" x14ac:dyDescent="0.4">
      <c r="A385" s="1" t="s">
        <v>1639</v>
      </c>
      <c r="B385" s="1" t="s">
        <v>1640</v>
      </c>
      <c r="C385" s="1" t="s">
        <v>1641</v>
      </c>
      <c r="D385" s="1" t="s">
        <v>47</v>
      </c>
      <c r="E385" s="1" t="s">
        <v>1642</v>
      </c>
      <c r="F385" s="1" t="s">
        <v>339</v>
      </c>
      <c r="G385" s="3">
        <v>1</v>
      </c>
      <c r="H385" s="1" t="s">
        <v>861</v>
      </c>
      <c r="I385" s="1" t="s">
        <v>25</v>
      </c>
      <c r="J385" s="1" t="s">
        <v>24</v>
      </c>
      <c r="K385" s="1" t="s">
        <v>25</v>
      </c>
      <c r="L385" s="1" t="s">
        <v>24</v>
      </c>
      <c r="M385" s="1" t="s">
        <v>24</v>
      </c>
      <c r="N385" s="1" t="s">
        <v>24</v>
      </c>
      <c r="O385" s="1">
        <v>35.010147740000001</v>
      </c>
      <c r="P385" s="1">
        <v>132.71972880000001</v>
      </c>
    </row>
    <row r="386" spans="1:16" ht="20.100000000000001" customHeight="1" x14ac:dyDescent="0.4">
      <c r="A386" s="1" t="s">
        <v>1643</v>
      </c>
      <c r="B386" s="1" t="s">
        <v>261</v>
      </c>
      <c r="C386" s="1" t="s">
        <v>1644</v>
      </c>
      <c r="D386" s="1" t="s">
        <v>19</v>
      </c>
      <c r="E386" s="1" t="s">
        <v>1645</v>
      </c>
      <c r="F386" s="1" t="s">
        <v>339</v>
      </c>
      <c r="G386" s="3">
        <v>1</v>
      </c>
      <c r="H386" s="1" t="s">
        <v>861</v>
      </c>
      <c r="I386" s="1" t="s">
        <v>25</v>
      </c>
      <c r="J386" s="1" t="s">
        <v>25</v>
      </c>
      <c r="K386" s="1" t="s">
        <v>25</v>
      </c>
      <c r="L386" s="1" t="s">
        <v>24</v>
      </c>
      <c r="M386" s="1" t="s">
        <v>24</v>
      </c>
      <c r="N386" s="1" t="s">
        <v>24</v>
      </c>
      <c r="O386" s="1">
        <v>35.375788550000003</v>
      </c>
      <c r="P386" s="1">
        <v>132.75199649999999</v>
      </c>
    </row>
    <row r="387" spans="1:16" ht="20.100000000000001" customHeight="1" x14ac:dyDescent="0.4">
      <c r="A387" s="1" t="s">
        <v>1646</v>
      </c>
      <c r="B387" s="1" t="s">
        <v>734</v>
      </c>
      <c r="C387" s="1" t="s">
        <v>1647</v>
      </c>
      <c r="D387" s="1" t="s">
        <v>19</v>
      </c>
      <c r="E387" s="1" t="s">
        <v>1648</v>
      </c>
      <c r="F387" s="1" t="s">
        <v>339</v>
      </c>
      <c r="G387" s="3">
        <v>1</v>
      </c>
      <c r="H387" s="1" t="s">
        <v>861</v>
      </c>
      <c r="I387" s="1" t="s">
        <v>25</v>
      </c>
      <c r="J387" s="1" t="s">
        <v>25</v>
      </c>
      <c r="K387" s="1" t="s">
        <v>25</v>
      </c>
      <c r="L387" s="1" t="s">
        <v>24</v>
      </c>
      <c r="M387" s="1" t="s">
        <v>24</v>
      </c>
      <c r="N387" s="1" t="s">
        <v>24</v>
      </c>
      <c r="O387" s="1">
        <v>35.343504410000001</v>
      </c>
      <c r="P387" s="1">
        <v>132.71850000000001</v>
      </c>
    </row>
    <row r="388" spans="1:16" ht="20.100000000000001" customHeight="1" x14ac:dyDescent="0.4">
      <c r="A388" s="1" t="s">
        <v>1649</v>
      </c>
      <c r="B388" s="1" t="s">
        <v>421</v>
      </c>
      <c r="C388" s="1" t="s">
        <v>1650</v>
      </c>
      <c r="D388" s="1" t="s">
        <v>84</v>
      </c>
      <c r="E388" s="1" t="s">
        <v>1651</v>
      </c>
      <c r="F388" s="1" t="s">
        <v>339</v>
      </c>
      <c r="G388" s="3">
        <v>1</v>
      </c>
      <c r="H388" s="1" t="s">
        <v>861</v>
      </c>
      <c r="I388" s="1" t="s">
        <v>25</v>
      </c>
      <c r="J388" s="1" t="s">
        <v>25</v>
      </c>
      <c r="K388" s="1" t="s">
        <v>25</v>
      </c>
      <c r="L388" s="1" t="s">
        <v>24</v>
      </c>
      <c r="M388" s="1" t="s">
        <v>24</v>
      </c>
      <c r="N388" s="1" t="s">
        <v>24</v>
      </c>
      <c r="O388" s="1">
        <v>35.20264384</v>
      </c>
      <c r="P388" s="1">
        <v>132.49574490000001</v>
      </c>
    </row>
    <row r="389" spans="1:16" ht="20.100000000000001" customHeight="1" x14ac:dyDescent="0.4">
      <c r="A389" s="1" t="s">
        <v>1652</v>
      </c>
      <c r="B389" s="1" t="s">
        <v>1653</v>
      </c>
      <c r="C389" s="1" t="s">
        <v>1654</v>
      </c>
      <c r="D389" s="1" t="s">
        <v>19</v>
      </c>
      <c r="E389" s="1" t="s">
        <v>1655</v>
      </c>
      <c r="F389" s="1" t="s">
        <v>339</v>
      </c>
      <c r="G389" s="3">
        <v>1</v>
      </c>
      <c r="H389" s="1" t="s">
        <v>861</v>
      </c>
      <c r="I389" s="1" t="s">
        <v>25</v>
      </c>
      <c r="J389" s="1" t="s">
        <v>24</v>
      </c>
      <c r="K389" s="1" t="s">
        <v>25</v>
      </c>
      <c r="L389" s="1" t="s">
        <v>24</v>
      </c>
      <c r="M389" s="1" t="s">
        <v>24</v>
      </c>
      <c r="N389" s="1" t="s">
        <v>24</v>
      </c>
      <c r="O389" s="1">
        <v>35.343074020000003</v>
      </c>
      <c r="P389" s="1">
        <v>132.75855279999999</v>
      </c>
    </row>
    <row r="390" spans="1:16" ht="20.100000000000001" customHeight="1" x14ac:dyDescent="0.4">
      <c r="A390" s="1" t="s">
        <v>1656</v>
      </c>
      <c r="B390" s="1" t="s">
        <v>421</v>
      </c>
      <c r="C390" s="1" t="s">
        <v>1657</v>
      </c>
      <c r="D390" s="1" t="s">
        <v>84</v>
      </c>
      <c r="E390" s="1" t="s">
        <v>1658</v>
      </c>
      <c r="F390" s="1" t="s">
        <v>339</v>
      </c>
      <c r="G390" s="3">
        <v>1</v>
      </c>
      <c r="H390" s="1" t="s">
        <v>861</v>
      </c>
      <c r="I390" s="1" t="s">
        <v>25</v>
      </c>
      <c r="J390" s="1" t="s">
        <v>24</v>
      </c>
      <c r="K390" s="1" t="s">
        <v>25</v>
      </c>
      <c r="L390" s="1" t="s">
        <v>24</v>
      </c>
      <c r="M390" s="1" t="s">
        <v>24</v>
      </c>
      <c r="N390" s="1" t="s">
        <v>24</v>
      </c>
      <c r="O390" s="1">
        <v>35.19845926</v>
      </c>
      <c r="P390" s="1">
        <v>132.4890844</v>
      </c>
    </row>
    <row r="391" spans="1:16" ht="20.100000000000001" customHeight="1" x14ac:dyDescent="0.4">
      <c r="A391" s="1" t="s">
        <v>1659</v>
      </c>
      <c r="B391" s="1" t="s">
        <v>82</v>
      </c>
      <c r="C391" s="1" t="s">
        <v>1660</v>
      </c>
      <c r="D391" s="1" t="s">
        <v>84</v>
      </c>
      <c r="E391" s="1" t="s">
        <v>1661</v>
      </c>
      <c r="F391" s="1" t="s">
        <v>339</v>
      </c>
      <c r="G391" s="3">
        <v>1</v>
      </c>
      <c r="H391" s="1" t="s">
        <v>861</v>
      </c>
      <c r="I391" s="1" t="s">
        <v>25</v>
      </c>
      <c r="J391" s="1" t="s">
        <v>24</v>
      </c>
      <c r="K391" s="1" t="s">
        <v>25</v>
      </c>
      <c r="L391" s="1" t="s">
        <v>24</v>
      </c>
      <c r="M391" s="1" t="s">
        <v>24</v>
      </c>
      <c r="N391" s="1" t="s">
        <v>24</v>
      </c>
      <c r="O391" s="1">
        <v>34.966739830000002</v>
      </c>
      <c r="P391" s="1">
        <v>132.47244430000001</v>
      </c>
    </row>
    <row r="392" spans="1:16" ht="20.100000000000001" customHeight="1" x14ac:dyDescent="0.4">
      <c r="A392" s="1" t="s">
        <v>1662</v>
      </c>
      <c r="B392" s="1" t="s">
        <v>1663</v>
      </c>
      <c r="C392" s="1" t="s">
        <v>1664</v>
      </c>
      <c r="D392" s="1" t="s">
        <v>84</v>
      </c>
      <c r="E392" s="1" t="s">
        <v>1665</v>
      </c>
      <c r="F392" s="1" t="s">
        <v>339</v>
      </c>
      <c r="G392" s="3">
        <v>1</v>
      </c>
      <c r="H392" s="1" t="s">
        <v>861</v>
      </c>
      <c r="I392" s="1" t="s">
        <v>25</v>
      </c>
      <c r="J392" s="1" t="s">
        <v>25</v>
      </c>
      <c r="K392" s="1" t="s">
        <v>25</v>
      </c>
      <c r="L392" s="1" t="s">
        <v>24</v>
      </c>
      <c r="M392" s="1" t="s">
        <v>24</v>
      </c>
      <c r="N392" s="1" t="s">
        <v>24</v>
      </c>
      <c r="O392" s="1">
        <v>35.075999019999998</v>
      </c>
      <c r="P392" s="1">
        <v>132.59008660000001</v>
      </c>
    </row>
    <row r="393" spans="1:16" ht="20.100000000000001" customHeight="1" x14ac:dyDescent="0.4">
      <c r="A393" s="1" t="s">
        <v>1666</v>
      </c>
      <c r="B393" s="1" t="s">
        <v>1667</v>
      </c>
      <c r="C393" s="1" t="s">
        <v>1668</v>
      </c>
      <c r="D393" s="1" t="s">
        <v>35</v>
      </c>
      <c r="E393" s="1" t="s">
        <v>1669</v>
      </c>
      <c r="F393" s="1" t="s">
        <v>1670</v>
      </c>
      <c r="G393" s="1" t="s">
        <v>56</v>
      </c>
      <c r="H393" s="1" t="s">
        <v>1671</v>
      </c>
      <c r="I393" s="1" t="s">
        <v>24</v>
      </c>
      <c r="J393" s="1" t="s">
        <v>24</v>
      </c>
      <c r="K393" s="1" t="s">
        <v>25</v>
      </c>
      <c r="L393" s="1" t="s">
        <v>25</v>
      </c>
      <c r="M393" s="1" t="s">
        <v>24</v>
      </c>
      <c r="N393" s="1" t="s">
        <v>24</v>
      </c>
      <c r="O393" s="1">
        <v>34.674863889999997</v>
      </c>
      <c r="P393" s="1">
        <v>131.84284270000001</v>
      </c>
    </row>
    <row r="394" spans="1:16" ht="20.100000000000001" customHeight="1" x14ac:dyDescent="0.4">
      <c r="A394" s="1" t="s">
        <v>1672</v>
      </c>
      <c r="B394" s="1" t="s">
        <v>1265</v>
      </c>
      <c r="C394" s="1" t="s">
        <v>1673</v>
      </c>
      <c r="D394" s="1" t="s">
        <v>29</v>
      </c>
      <c r="E394" s="1" t="s">
        <v>1674</v>
      </c>
      <c r="F394" s="1" t="s">
        <v>1675</v>
      </c>
      <c r="G394" s="1" t="s">
        <v>1676</v>
      </c>
      <c r="H394" s="1" t="s">
        <v>1677</v>
      </c>
      <c r="I394" s="1" t="s">
        <v>24</v>
      </c>
      <c r="J394" s="1" t="s">
        <v>24</v>
      </c>
      <c r="K394" s="1" t="s">
        <v>25</v>
      </c>
      <c r="L394" s="1" t="s">
        <v>25</v>
      </c>
      <c r="M394" s="1" t="s">
        <v>24</v>
      </c>
      <c r="N394" s="1" t="s">
        <v>24</v>
      </c>
      <c r="O394" s="1">
        <v>35.045276129999998</v>
      </c>
      <c r="P394" s="1">
        <v>132.2990451</v>
      </c>
    </row>
    <row r="395" spans="1:16" ht="20.100000000000001" customHeight="1" x14ac:dyDescent="0.4">
      <c r="A395" s="1" t="s">
        <v>1678</v>
      </c>
      <c r="B395" s="1" t="s">
        <v>220</v>
      </c>
      <c r="C395" s="1" t="s">
        <v>1679</v>
      </c>
      <c r="D395" s="1" t="s">
        <v>29</v>
      </c>
      <c r="E395" s="1" t="s">
        <v>1680</v>
      </c>
      <c r="F395" s="1" t="s">
        <v>1681</v>
      </c>
      <c r="G395" s="1" t="s">
        <v>62</v>
      </c>
      <c r="H395" s="1" t="s">
        <v>1682</v>
      </c>
      <c r="I395" s="1" t="s">
        <v>24</v>
      </c>
      <c r="J395" s="1" t="s">
        <v>24</v>
      </c>
      <c r="K395" s="1" t="s">
        <v>24</v>
      </c>
      <c r="L395" s="1" t="s">
        <v>24</v>
      </c>
      <c r="M395" s="1" t="s">
        <v>24</v>
      </c>
      <c r="N395" s="1" t="s">
        <v>24</v>
      </c>
      <c r="O395" s="1">
        <v>35.01361429</v>
      </c>
      <c r="P395" s="1">
        <v>132.2230816</v>
      </c>
    </row>
    <row r="396" spans="1:16" ht="20.100000000000001" customHeight="1" x14ac:dyDescent="0.4">
      <c r="A396" s="1" t="s">
        <v>1683</v>
      </c>
      <c r="B396" s="1" t="s">
        <v>220</v>
      </c>
      <c r="C396" s="1" t="s">
        <v>1684</v>
      </c>
      <c r="D396" s="1" t="s">
        <v>29</v>
      </c>
      <c r="E396" s="1" t="s">
        <v>1685</v>
      </c>
      <c r="F396" s="1" t="s">
        <v>1150</v>
      </c>
      <c r="G396" s="1" t="s">
        <v>31</v>
      </c>
      <c r="H396" s="1" t="s">
        <v>1686</v>
      </c>
      <c r="I396" s="1" t="s">
        <v>24</v>
      </c>
      <c r="J396" s="1" t="s">
        <v>24</v>
      </c>
      <c r="K396" s="1" t="s">
        <v>24</v>
      </c>
      <c r="L396" s="1" t="s">
        <v>24</v>
      </c>
      <c r="M396" s="1" t="s">
        <v>24</v>
      </c>
      <c r="N396" s="1" t="s">
        <v>24</v>
      </c>
      <c r="O396" s="1">
        <v>35.01361429</v>
      </c>
      <c r="P396" s="1">
        <v>132.2230816</v>
      </c>
    </row>
    <row r="397" spans="1:16" ht="20.100000000000001" customHeight="1" x14ac:dyDescent="0.4">
      <c r="A397" s="1" t="s">
        <v>1687</v>
      </c>
      <c r="B397" s="1" t="s">
        <v>1520</v>
      </c>
      <c r="C397" s="1" t="s">
        <v>1688</v>
      </c>
      <c r="D397" s="1" t="s">
        <v>53</v>
      </c>
      <c r="E397" s="1" t="s">
        <v>1689</v>
      </c>
      <c r="F397" s="1" t="s">
        <v>99</v>
      </c>
      <c r="G397" s="1" t="s">
        <v>139</v>
      </c>
      <c r="H397" s="1"/>
      <c r="I397" s="1" t="s">
        <v>24</v>
      </c>
      <c r="J397" s="1" t="s">
        <v>25</v>
      </c>
      <c r="K397" s="1" t="s">
        <v>24</v>
      </c>
      <c r="L397" s="1" t="s">
        <v>25</v>
      </c>
      <c r="M397" s="1" t="s">
        <v>24</v>
      </c>
      <c r="N397" s="1" t="s">
        <v>24</v>
      </c>
      <c r="O397" s="1">
        <v>35.475743190000003</v>
      </c>
      <c r="P397" s="1">
        <v>133.0070589</v>
      </c>
    </row>
    <row r="398" spans="1:16" ht="20.100000000000001" customHeight="1" x14ac:dyDescent="0.4">
      <c r="A398" s="1" t="s">
        <v>1690</v>
      </c>
      <c r="B398" s="1" t="s">
        <v>1691</v>
      </c>
      <c r="C398" s="1" t="s">
        <v>1692</v>
      </c>
      <c r="D398" s="1" t="s">
        <v>543</v>
      </c>
      <c r="E398" s="1"/>
      <c r="F398" s="1" t="s">
        <v>339</v>
      </c>
      <c r="G398" s="1" t="s">
        <v>1061</v>
      </c>
      <c r="H398" s="1"/>
      <c r="I398" s="1" t="s">
        <v>24</v>
      </c>
      <c r="J398" s="1" t="s">
        <v>25</v>
      </c>
      <c r="K398" s="1" t="s">
        <v>25</v>
      </c>
      <c r="L398" s="1" t="s">
        <v>25</v>
      </c>
      <c r="M398" s="1" t="s">
        <v>24</v>
      </c>
      <c r="N398" s="1" t="s">
        <v>25</v>
      </c>
      <c r="O398" s="1">
        <v>36.094292469999999</v>
      </c>
      <c r="P398" s="1">
        <v>132.98946509999999</v>
      </c>
    </row>
    <row r="399" spans="1:16" ht="20.100000000000001" customHeight="1" x14ac:dyDescent="0.4">
      <c r="A399" s="1" t="s">
        <v>1693</v>
      </c>
      <c r="B399" s="1" t="s">
        <v>1164</v>
      </c>
      <c r="C399" s="1" t="s">
        <v>1694</v>
      </c>
      <c r="D399" s="1" t="s">
        <v>29</v>
      </c>
      <c r="E399" s="1" t="s">
        <v>1695</v>
      </c>
      <c r="F399" s="1" t="s">
        <v>429</v>
      </c>
      <c r="G399" s="1" t="s">
        <v>1696</v>
      </c>
      <c r="H399" s="1" t="s">
        <v>1697</v>
      </c>
      <c r="I399" s="1" t="s">
        <v>25</v>
      </c>
      <c r="J399" s="1" t="s">
        <v>25</v>
      </c>
      <c r="K399" s="1" t="s">
        <v>25</v>
      </c>
      <c r="L399" s="1" t="s">
        <v>24</v>
      </c>
      <c r="M399" s="1" t="s">
        <v>24</v>
      </c>
      <c r="N399" s="1" t="s">
        <v>24</v>
      </c>
      <c r="O399" s="1">
        <v>34.904071139999999</v>
      </c>
      <c r="P399" s="1">
        <v>132.08523890000001</v>
      </c>
    </row>
    <row r="400" spans="1:16" ht="20.100000000000001" customHeight="1" x14ac:dyDescent="0.4">
      <c r="A400" s="1" t="s">
        <v>1698</v>
      </c>
      <c r="B400" s="1" t="s">
        <v>1699</v>
      </c>
      <c r="C400" s="1" t="s">
        <v>1700</v>
      </c>
      <c r="D400" s="1" t="s">
        <v>53</v>
      </c>
      <c r="E400" s="1" t="s">
        <v>1701</v>
      </c>
      <c r="F400" s="1" t="s">
        <v>610</v>
      </c>
      <c r="G400" s="1" t="s">
        <v>93</v>
      </c>
      <c r="H400" s="1" t="s">
        <v>1702</v>
      </c>
      <c r="I400" s="1" t="s">
        <v>24</v>
      </c>
      <c r="J400" s="1" t="s">
        <v>24</v>
      </c>
      <c r="K400" s="1" t="s">
        <v>24</v>
      </c>
      <c r="L400" s="1" t="s">
        <v>24</v>
      </c>
      <c r="M400" s="1" t="s">
        <v>24</v>
      </c>
      <c r="N400" s="1" t="s">
        <v>24</v>
      </c>
      <c r="O400" s="1">
        <v>35.527842900000003</v>
      </c>
      <c r="P400" s="1">
        <v>132.98682120000001</v>
      </c>
    </row>
    <row r="401" spans="1:16" ht="20.100000000000001" customHeight="1" x14ac:dyDescent="0.4">
      <c r="A401" s="1" t="s">
        <v>1703</v>
      </c>
      <c r="B401" s="1" t="s">
        <v>1704</v>
      </c>
      <c r="C401" s="1" t="s">
        <v>1705</v>
      </c>
      <c r="D401" s="1" t="s">
        <v>53</v>
      </c>
      <c r="E401" s="1" t="s">
        <v>1706</v>
      </c>
      <c r="F401" s="1" t="s">
        <v>1707</v>
      </c>
      <c r="G401" s="1" t="s">
        <v>1708</v>
      </c>
      <c r="H401" s="1" t="s">
        <v>1709</v>
      </c>
      <c r="I401" s="1" t="s">
        <v>24</v>
      </c>
      <c r="J401" s="1" t="s">
        <v>24</v>
      </c>
      <c r="K401" s="1" t="s">
        <v>24</v>
      </c>
      <c r="L401" s="1" t="s">
        <v>25</v>
      </c>
      <c r="M401" s="1" t="s">
        <v>24</v>
      </c>
      <c r="N401" s="1" t="s">
        <v>24</v>
      </c>
      <c r="O401" s="1">
        <v>35.465219249999997</v>
      </c>
      <c r="P401" s="1">
        <v>133.05615660000001</v>
      </c>
    </row>
    <row r="402" spans="1:16" ht="20.100000000000001" customHeight="1" x14ac:dyDescent="0.4">
      <c r="A402" s="1" t="s">
        <v>1710</v>
      </c>
      <c r="B402" s="1" t="s">
        <v>1711</v>
      </c>
      <c r="C402" s="1" t="s">
        <v>1712</v>
      </c>
      <c r="D402" s="1" t="s">
        <v>53</v>
      </c>
      <c r="E402" s="1" t="s">
        <v>1713</v>
      </c>
      <c r="F402" s="1" t="s">
        <v>1714</v>
      </c>
      <c r="G402" s="1" t="s">
        <v>56</v>
      </c>
      <c r="H402" s="1" t="s">
        <v>1715</v>
      </c>
      <c r="I402" s="1" t="s">
        <v>24</v>
      </c>
      <c r="J402" s="1" t="s">
        <v>24</v>
      </c>
      <c r="K402" s="1" t="s">
        <v>24</v>
      </c>
      <c r="L402" s="1" t="s">
        <v>24</v>
      </c>
      <c r="M402" s="1" t="s">
        <v>24</v>
      </c>
      <c r="N402" s="1" t="s">
        <v>24</v>
      </c>
      <c r="O402" s="1">
        <v>35.46837258</v>
      </c>
      <c r="P402" s="1">
        <v>133.0485362</v>
      </c>
    </row>
    <row r="403" spans="1:16" ht="20.100000000000001" customHeight="1" x14ac:dyDescent="0.4">
      <c r="A403" s="1" t="s">
        <v>1716</v>
      </c>
      <c r="B403" s="1" t="s">
        <v>184</v>
      </c>
      <c r="C403" s="1" t="s">
        <v>1717</v>
      </c>
      <c r="D403" s="1" t="s">
        <v>53</v>
      </c>
      <c r="E403" s="1" t="s">
        <v>1718</v>
      </c>
      <c r="F403" s="1" t="s">
        <v>1719</v>
      </c>
      <c r="G403" s="1" t="s">
        <v>1720</v>
      </c>
      <c r="H403" s="1"/>
      <c r="I403" s="1" t="s">
        <v>24</v>
      </c>
      <c r="J403" s="1" t="s">
        <v>24</v>
      </c>
      <c r="K403" s="1" t="s">
        <v>24</v>
      </c>
      <c r="L403" s="1" t="s">
        <v>24</v>
      </c>
      <c r="M403" s="1" t="s">
        <v>24</v>
      </c>
      <c r="N403" s="1" t="s">
        <v>24</v>
      </c>
      <c r="O403" s="1">
        <v>35.471302970000004</v>
      </c>
      <c r="P403" s="1">
        <v>133.0659714</v>
      </c>
    </row>
    <row r="404" spans="1:16" ht="20.100000000000001" customHeight="1" x14ac:dyDescent="0.4">
      <c r="A404" s="1" t="s">
        <v>1721</v>
      </c>
      <c r="B404" s="1" t="s">
        <v>1515</v>
      </c>
      <c r="C404" s="1" t="s">
        <v>1722</v>
      </c>
      <c r="D404" s="1" t="s">
        <v>53</v>
      </c>
      <c r="E404" s="1" t="s">
        <v>1723</v>
      </c>
      <c r="F404" s="1" t="s">
        <v>21</v>
      </c>
      <c r="G404" s="1" t="s">
        <v>80</v>
      </c>
      <c r="H404" s="1"/>
      <c r="I404" s="1" t="s">
        <v>24</v>
      </c>
      <c r="J404" s="1" t="s">
        <v>25</v>
      </c>
      <c r="K404" s="1" t="s">
        <v>24</v>
      </c>
      <c r="L404" s="1" t="s">
        <v>25</v>
      </c>
      <c r="M404" s="1" t="s">
        <v>24</v>
      </c>
      <c r="N404" s="1" t="s">
        <v>24</v>
      </c>
      <c r="O404" s="1">
        <v>35.436355029518197</v>
      </c>
      <c r="P404" s="1">
        <v>133.04964844921199</v>
      </c>
    </row>
    <row r="405" spans="1:16" ht="20.100000000000001" customHeight="1" x14ac:dyDescent="0.4">
      <c r="A405" s="1" t="s">
        <v>1724</v>
      </c>
      <c r="B405" s="1" t="s">
        <v>1725</v>
      </c>
      <c r="C405" s="1" t="s">
        <v>1726</v>
      </c>
      <c r="D405" s="1" t="s">
        <v>543</v>
      </c>
      <c r="E405" s="1"/>
      <c r="F405" s="1" t="s">
        <v>1150</v>
      </c>
      <c r="G405" s="1" t="s">
        <v>22</v>
      </c>
      <c r="H405" s="1"/>
      <c r="I405" s="1" t="s">
        <v>24</v>
      </c>
      <c r="J405" s="1" t="s">
        <v>24</v>
      </c>
      <c r="K405" s="1" t="s">
        <v>24</v>
      </c>
      <c r="L405" s="1" t="s">
        <v>25</v>
      </c>
      <c r="M405" s="1" t="s">
        <v>24</v>
      </c>
      <c r="N405" s="1" t="s">
        <v>24</v>
      </c>
      <c r="O405" s="1">
        <v>36.107420529999999</v>
      </c>
      <c r="P405" s="1">
        <v>133.04195379999999</v>
      </c>
    </row>
    <row r="406" spans="1:16" ht="20.100000000000001" customHeight="1" x14ac:dyDescent="0.4">
      <c r="A406" s="1" t="s">
        <v>1727</v>
      </c>
      <c r="B406" s="1" t="s">
        <v>1728</v>
      </c>
      <c r="C406" s="1" t="s">
        <v>1729</v>
      </c>
      <c r="D406" s="1" t="s">
        <v>35</v>
      </c>
      <c r="E406" s="1" t="s">
        <v>1730</v>
      </c>
      <c r="F406" s="1" t="s">
        <v>1731</v>
      </c>
      <c r="G406" s="1" t="s">
        <v>1732</v>
      </c>
      <c r="H406" s="1"/>
      <c r="I406" s="1" t="s">
        <v>25</v>
      </c>
      <c r="J406" s="1" t="s">
        <v>24</v>
      </c>
      <c r="K406" s="1" t="s">
        <v>25</v>
      </c>
      <c r="L406" s="1" t="s">
        <v>25</v>
      </c>
      <c r="M406" s="1" t="s">
        <v>24</v>
      </c>
      <c r="N406" s="1" t="s">
        <v>24</v>
      </c>
      <c r="O406" s="1">
        <v>34.3550866</v>
      </c>
      <c r="P406" s="1">
        <v>131.93738909999999</v>
      </c>
    </row>
    <row r="407" spans="1:16" ht="20.100000000000001" customHeight="1" x14ac:dyDescent="0.4">
      <c r="A407" s="1" t="s">
        <v>1733</v>
      </c>
      <c r="B407" s="1" t="s">
        <v>1728</v>
      </c>
      <c r="C407" s="1" t="s">
        <v>1734</v>
      </c>
      <c r="D407" s="1" t="s">
        <v>35</v>
      </c>
      <c r="E407" s="1" t="s">
        <v>1735</v>
      </c>
      <c r="F407" s="1" t="s">
        <v>1731</v>
      </c>
      <c r="G407" s="1" t="s">
        <v>1736</v>
      </c>
      <c r="H407" s="1" t="s">
        <v>1737</v>
      </c>
      <c r="I407" s="1" t="s">
        <v>25</v>
      </c>
      <c r="J407" s="1" t="s">
        <v>24</v>
      </c>
      <c r="K407" s="1" t="s">
        <v>25</v>
      </c>
      <c r="L407" s="1" t="s">
        <v>25</v>
      </c>
      <c r="M407" s="1" t="s">
        <v>24</v>
      </c>
      <c r="N407" s="1" t="s">
        <v>24</v>
      </c>
      <c r="O407" s="1">
        <v>34.3535088</v>
      </c>
      <c r="P407" s="1">
        <v>131.93496440000001</v>
      </c>
    </row>
    <row r="408" spans="1:16" ht="20.100000000000001" customHeight="1" x14ac:dyDescent="0.4">
      <c r="A408" s="1" t="s">
        <v>1738</v>
      </c>
      <c r="B408" s="1" t="s">
        <v>1739</v>
      </c>
      <c r="C408" s="1" t="s">
        <v>1740</v>
      </c>
      <c r="D408" s="1" t="s">
        <v>35</v>
      </c>
      <c r="E408" s="1" t="s">
        <v>1741</v>
      </c>
      <c r="F408" s="1" t="s">
        <v>1731</v>
      </c>
      <c r="G408" s="1" t="s">
        <v>1736</v>
      </c>
      <c r="H408" s="1" t="s">
        <v>1737</v>
      </c>
      <c r="I408" s="1" t="s">
        <v>25</v>
      </c>
      <c r="J408" s="1" t="s">
        <v>24</v>
      </c>
      <c r="K408" s="1" t="s">
        <v>25</v>
      </c>
      <c r="L408" s="1" t="s">
        <v>25</v>
      </c>
      <c r="M408" s="1" t="s">
        <v>24</v>
      </c>
      <c r="N408" s="1" t="s">
        <v>24</v>
      </c>
      <c r="O408" s="1">
        <v>34.44225471</v>
      </c>
      <c r="P408" s="1">
        <v>131.86788609999999</v>
      </c>
    </row>
    <row r="409" spans="1:16" ht="20.100000000000001" customHeight="1" x14ac:dyDescent="0.4">
      <c r="A409" s="1" t="s">
        <v>1742</v>
      </c>
      <c r="B409" s="1" t="s">
        <v>1728</v>
      </c>
      <c r="C409" s="1" t="s">
        <v>1729</v>
      </c>
      <c r="D409" s="1" t="s">
        <v>35</v>
      </c>
      <c r="E409" s="1" t="s">
        <v>1730</v>
      </c>
      <c r="F409" s="1" t="s">
        <v>1731</v>
      </c>
      <c r="G409" s="1" t="s">
        <v>1743</v>
      </c>
      <c r="H409" s="1"/>
      <c r="I409" s="1" t="s">
        <v>25</v>
      </c>
      <c r="J409" s="1" t="s">
        <v>25</v>
      </c>
      <c r="K409" s="1" t="s">
        <v>24</v>
      </c>
      <c r="L409" s="1" t="s">
        <v>24</v>
      </c>
      <c r="M409" s="1" t="s">
        <v>24</v>
      </c>
      <c r="N409" s="1" t="s">
        <v>24</v>
      </c>
      <c r="O409" s="1">
        <v>34.3550866</v>
      </c>
      <c r="P409" s="1">
        <v>131.93738909999999</v>
      </c>
    </row>
    <row r="410" spans="1:16" ht="20.100000000000001" customHeight="1" x14ac:dyDescent="0.4">
      <c r="A410" s="1" t="s">
        <v>1744</v>
      </c>
      <c r="B410" s="1" t="s">
        <v>1745</v>
      </c>
      <c r="C410" s="1" t="s">
        <v>1746</v>
      </c>
      <c r="D410" s="1" t="s">
        <v>53</v>
      </c>
      <c r="E410" s="1" t="s">
        <v>1747</v>
      </c>
      <c r="F410" s="1" t="s">
        <v>21</v>
      </c>
      <c r="G410" s="3">
        <v>1</v>
      </c>
      <c r="H410" s="1"/>
      <c r="I410" s="1" t="s">
        <v>25</v>
      </c>
      <c r="J410" s="1" t="s">
        <v>25</v>
      </c>
      <c r="K410" s="1" t="s">
        <v>25</v>
      </c>
      <c r="L410" s="1" t="s">
        <v>24</v>
      </c>
      <c r="M410" s="1" t="s">
        <v>24</v>
      </c>
      <c r="N410" s="1" t="s">
        <v>24</v>
      </c>
      <c r="O410" s="1">
        <v>35.514252870315403</v>
      </c>
      <c r="P410" s="1">
        <v>133.19039442513099</v>
      </c>
    </row>
    <row r="411" spans="1:16" ht="20.100000000000001" customHeight="1" x14ac:dyDescent="0.4">
      <c r="A411" s="1" t="s">
        <v>1748</v>
      </c>
      <c r="B411" s="1" t="s">
        <v>501</v>
      </c>
      <c r="C411" s="1" t="s">
        <v>1749</v>
      </c>
      <c r="D411" s="1" t="s">
        <v>53</v>
      </c>
      <c r="E411" s="1" t="s">
        <v>1750</v>
      </c>
      <c r="F411" s="1" t="s">
        <v>21</v>
      </c>
      <c r="G411" s="3">
        <v>1</v>
      </c>
      <c r="H411" s="1"/>
      <c r="I411" s="1" t="s">
        <v>25</v>
      </c>
      <c r="J411" s="1" t="s">
        <v>25</v>
      </c>
      <c r="K411" s="1" t="s">
        <v>25</v>
      </c>
      <c r="L411" s="1" t="s">
        <v>24</v>
      </c>
      <c r="M411" s="1" t="s">
        <v>24</v>
      </c>
      <c r="N411" s="1" t="s">
        <v>24</v>
      </c>
      <c r="O411" s="1">
        <v>35.457369909999997</v>
      </c>
      <c r="P411" s="1">
        <v>133.05159639999999</v>
      </c>
    </row>
    <row r="412" spans="1:16" ht="20.100000000000001" customHeight="1" x14ac:dyDescent="0.4">
      <c r="A412" s="1" t="s">
        <v>1751</v>
      </c>
      <c r="B412" s="1" t="s">
        <v>1752</v>
      </c>
      <c r="C412" s="1" t="s">
        <v>1753</v>
      </c>
      <c r="D412" s="1" t="s">
        <v>53</v>
      </c>
      <c r="E412" s="1" t="s">
        <v>1754</v>
      </c>
      <c r="F412" s="1" t="s">
        <v>21</v>
      </c>
      <c r="G412" s="3">
        <v>1</v>
      </c>
      <c r="H412" s="1"/>
      <c r="I412" s="1" t="s">
        <v>25</v>
      </c>
      <c r="J412" s="1" t="s">
        <v>25</v>
      </c>
      <c r="K412" s="1" t="s">
        <v>25</v>
      </c>
      <c r="L412" s="1" t="s">
        <v>24</v>
      </c>
      <c r="M412" s="1" t="s">
        <v>24</v>
      </c>
      <c r="N412" s="1" t="s">
        <v>24</v>
      </c>
      <c r="O412" s="1">
        <v>35.443811472021302</v>
      </c>
      <c r="P412" s="1">
        <v>133.13041217857301</v>
      </c>
    </row>
    <row r="413" spans="1:16" ht="20.100000000000001" customHeight="1" x14ac:dyDescent="0.4">
      <c r="A413" s="1" t="s">
        <v>1755</v>
      </c>
      <c r="B413" s="1" t="s">
        <v>793</v>
      </c>
      <c r="C413" s="1" t="s">
        <v>1756</v>
      </c>
      <c r="D413" s="1" t="s">
        <v>53</v>
      </c>
      <c r="E413" s="1" t="s">
        <v>1757</v>
      </c>
      <c r="F413" s="1" t="s">
        <v>21</v>
      </c>
      <c r="G413" s="3">
        <v>1</v>
      </c>
      <c r="H413" s="1"/>
      <c r="I413" s="1" t="s">
        <v>25</v>
      </c>
      <c r="J413" s="1" t="s">
        <v>25</v>
      </c>
      <c r="K413" s="1" t="s">
        <v>25</v>
      </c>
      <c r="L413" s="1" t="s">
        <v>24</v>
      </c>
      <c r="M413" s="1" t="s">
        <v>24</v>
      </c>
      <c r="N413" s="1" t="s">
        <v>24</v>
      </c>
      <c r="O413" s="1">
        <v>35.434036218525897</v>
      </c>
      <c r="P413" s="1">
        <v>133.01197619444201</v>
      </c>
    </row>
    <row r="414" spans="1:16" ht="20.100000000000001" customHeight="1" x14ac:dyDescent="0.4">
      <c r="A414" s="1" t="s">
        <v>1758</v>
      </c>
      <c r="B414" s="1" t="s">
        <v>452</v>
      </c>
      <c r="C414" s="1" t="s">
        <v>1759</v>
      </c>
      <c r="D414" s="1" t="s">
        <v>19</v>
      </c>
      <c r="E414" s="1" t="s">
        <v>1760</v>
      </c>
      <c r="F414" s="1" t="s">
        <v>21</v>
      </c>
      <c r="G414" s="3">
        <v>1</v>
      </c>
      <c r="H414" s="1"/>
      <c r="I414" s="1" t="s">
        <v>25</v>
      </c>
      <c r="J414" s="1" t="s">
        <v>25</v>
      </c>
      <c r="K414" s="1" t="s">
        <v>25</v>
      </c>
      <c r="L414" s="1" t="s">
        <v>24</v>
      </c>
      <c r="M414" s="1" t="s">
        <v>24</v>
      </c>
      <c r="N414" s="1" t="s">
        <v>24</v>
      </c>
      <c r="O414" s="1">
        <v>35.390428384288398</v>
      </c>
      <c r="P414" s="1">
        <v>132.822756240475</v>
      </c>
    </row>
    <row r="415" spans="1:16" ht="20.100000000000001" customHeight="1" x14ac:dyDescent="0.4">
      <c r="A415" s="1" t="s">
        <v>1761</v>
      </c>
      <c r="B415" s="1" t="s">
        <v>1762</v>
      </c>
      <c r="C415" s="1" t="s">
        <v>1763</v>
      </c>
      <c r="D415" s="1" t="s">
        <v>19</v>
      </c>
      <c r="E415" s="1" t="s">
        <v>1764</v>
      </c>
      <c r="F415" s="1" t="s">
        <v>21</v>
      </c>
      <c r="G415" s="3">
        <v>1</v>
      </c>
      <c r="H415" s="1"/>
      <c r="I415" s="1" t="s">
        <v>25</v>
      </c>
      <c r="J415" s="1" t="s">
        <v>25</v>
      </c>
      <c r="K415" s="1" t="s">
        <v>25</v>
      </c>
      <c r="L415" s="1" t="s">
        <v>24</v>
      </c>
      <c r="M415" s="1" t="s">
        <v>24</v>
      </c>
      <c r="N415" s="1" t="s">
        <v>24</v>
      </c>
      <c r="O415" s="1">
        <v>35.380451000000001</v>
      </c>
      <c r="P415" s="1">
        <v>132.80053129999999</v>
      </c>
    </row>
    <row r="416" spans="1:16" ht="20.100000000000001" customHeight="1" x14ac:dyDescent="0.4">
      <c r="A416" s="1" t="s">
        <v>1765</v>
      </c>
      <c r="B416" s="1" t="s">
        <v>476</v>
      </c>
      <c r="C416" s="1" t="s">
        <v>1766</v>
      </c>
      <c r="D416" s="1" t="s">
        <v>19</v>
      </c>
      <c r="E416" s="1" t="s">
        <v>1767</v>
      </c>
      <c r="F416" s="1" t="s">
        <v>21</v>
      </c>
      <c r="G416" s="3">
        <v>1</v>
      </c>
      <c r="H416" s="1"/>
      <c r="I416" s="1" t="s">
        <v>25</v>
      </c>
      <c r="J416" s="1" t="s">
        <v>25</v>
      </c>
      <c r="K416" s="1" t="s">
        <v>25</v>
      </c>
      <c r="L416" s="1" t="s">
        <v>24</v>
      </c>
      <c r="M416" s="1" t="s">
        <v>24</v>
      </c>
      <c r="N416" s="1" t="s">
        <v>24</v>
      </c>
      <c r="O416" s="1">
        <v>35.387669363708902</v>
      </c>
      <c r="P416" s="1">
        <v>132.82945593848399</v>
      </c>
    </row>
    <row r="417" spans="1:16" ht="20.100000000000001" customHeight="1" x14ac:dyDescent="0.4">
      <c r="A417" s="1" t="s">
        <v>1768</v>
      </c>
      <c r="B417" s="1" t="s">
        <v>108</v>
      </c>
      <c r="C417" s="1" t="s">
        <v>1769</v>
      </c>
      <c r="D417" s="1" t="s">
        <v>53</v>
      </c>
      <c r="E417" s="1" t="s">
        <v>1770</v>
      </c>
      <c r="F417" s="1" t="s">
        <v>21</v>
      </c>
      <c r="G417" s="3">
        <v>1</v>
      </c>
      <c r="H417" s="1"/>
      <c r="I417" s="1" t="s">
        <v>24</v>
      </c>
      <c r="J417" s="1" t="s">
        <v>24</v>
      </c>
      <c r="K417" s="1" t="s">
        <v>25</v>
      </c>
      <c r="L417" s="1" t="s">
        <v>24</v>
      </c>
      <c r="M417" s="1" t="s">
        <v>24</v>
      </c>
      <c r="N417" s="1" t="s">
        <v>24</v>
      </c>
      <c r="O417" s="1">
        <v>35.518233189999997</v>
      </c>
      <c r="P417" s="1">
        <v>133.13662679999999</v>
      </c>
    </row>
    <row r="418" spans="1:16" ht="20.100000000000001" customHeight="1" x14ac:dyDescent="0.4">
      <c r="A418" s="1" t="s">
        <v>1771</v>
      </c>
      <c r="B418" s="1" t="s">
        <v>1772</v>
      </c>
      <c r="C418" s="1" t="s">
        <v>1773</v>
      </c>
      <c r="D418" s="1" t="s">
        <v>53</v>
      </c>
      <c r="E418" s="1" t="s">
        <v>1774</v>
      </c>
      <c r="F418" s="1" t="s">
        <v>21</v>
      </c>
      <c r="G418" s="3">
        <v>1</v>
      </c>
      <c r="H418" s="1"/>
      <c r="I418" s="1" t="s">
        <v>25</v>
      </c>
      <c r="J418" s="1" t="s">
        <v>25</v>
      </c>
      <c r="K418" s="1" t="s">
        <v>25</v>
      </c>
      <c r="L418" s="1" t="s">
        <v>24</v>
      </c>
      <c r="M418" s="1" t="s">
        <v>24</v>
      </c>
      <c r="N418" s="1" t="s">
        <v>24</v>
      </c>
      <c r="O418" s="1">
        <v>35.480759835095597</v>
      </c>
      <c r="P418" s="1">
        <v>133.06160729325401</v>
      </c>
    </row>
    <row r="419" spans="1:16" ht="20.100000000000001" customHeight="1" x14ac:dyDescent="0.4">
      <c r="A419" s="1" t="s">
        <v>1775</v>
      </c>
      <c r="B419" s="1" t="s">
        <v>461</v>
      </c>
      <c r="C419" s="1" t="s">
        <v>1776</v>
      </c>
      <c r="D419" s="1" t="s">
        <v>53</v>
      </c>
      <c r="E419" s="1" t="s">
        <v>1777</v>
      </c>
      <c r="F419" s="1" t="s">
        <v>21</v>
      </c>
      <c r="G419" s="3">
        <v>1</v>
      </c>
      <c r="H419" s="1"/>
      <c r="I419" s="1" t="s">
        <v>25</v>
      </c>
      <c r="J419" s="1" t="s">
        <v>25</v>
      </c>
      <c r="K419" s="1" t="s">
        <v>25</v>
      </c>
      <c r="L419" s="1" t="s">
        <v>24</v>
      </c>
      <c r="M419" s="1" t="s">
        <v>24</v>
      </c>
      <c r="N419" s="1" t="s">
        <v>24</v>
      </c>
      <c r="O419" s="1">
        <v>35.487454326503901</v>
      </c>
      <c r="P419" s="1">
        <v>133.04687279874099</v>
      </c>
    </row>
    <row r="420" spans="1:16" ht="20.100000000000001" customHeight="1" x14ac:dyDescent="0.4">
      <c r="A420" s="1" t="s">
        <v>1778</v>
      </c>
      <c r="B420" s="1" t="s">
        <v>1779</v>
      </c>
      <c r="C420" s="1" t="s">
        <v>1780</v>
      </c>
      <c r="D420" s="1" t="s">
        <v>53</v>
      </c>
      <c r="E420" s="1" t="s">
        <v>1781</v>
      </c>
      <c r="F420" s="1" t="s">
        <v>21</v>
      </c>
      <c r="G420" s="3">
        <v>1</v>
      </c>
      <c r="H420" s="1"/>
      <c r="I420" s="1" t="s">
        <v>25</v>
      </c>
      <c r="J420" s="1" t="s">
        <v>25</v>
      </c>
      <c r="K420" s="1" t="s">
        <v>25</v>
      </c>
      <c r="L420" s="1" t="s">
        <v>24</v>
      </c>
      <c r="M420" s="1" t="s">
        <v>24</v>
      </c>
      <c r="N420" s="1" t="s">
        <v>24</v>
      </c>
      <c r="O420" s="1">
        <v>35.436247694320798</v>
      </c>
      <c r="P420" s="1">
        <v>133.12210432757701</v>
      </c>
    </row>
    <row r="421" spans="1:16" ht="20.100000000000001" customHeight="1" x14ac:dyDescent="0.4">
      <c r="A421" s="1" t="s">
        <v>1782</v>
      </c>
      <c r="B421" s="1" t="s">
        <v>172</v>
      </c>
      <c r="C421" s="1" t="s">
        <v>1783</v>
      </c>
      <c r="D421" s="1" t="s">
        <v>53</v>
      </c>
      <c r="E421" s="1" t="s">
        <v>1784</v>
      </c>
      <c r="F421" s="1" t="s">
        <v>21</v>
      </c>
      <c r="G421" s="3">
        <v>1</v>
      </c>
      <c r="H421" s="1"/>
      <c r="I421" s="1" t="s">
        <v>25</v>
      </c>
      <c r="J421" s="1" t="s">
        <v>25</v>
      </c>
      <c r="K421" s="1" t="s">
        <v>25</v>
      </c>
      <c r="L421" s="1" t="s">
        <v>24</v>
      </c>
      <c r="M421" s="1" t="s">
        <v>24</v>
      </c>
      <c r="N421" s="1" t="s">
        <v>24</v>
      </c>
      <c r="O421" s="1">
        <v>35.456965628784502</v>
      </c>
      <c r="P421" s="1">
        <v>133.08073540919199</v>
      </c>
    </row>
    <row r="422" spans="1:16" ht="20.100000000000001" customHeight="1" x14ac:dyDescent="0.4">
      <c r="A422" s="1" t="s">
        <v>1785</v>
      </c>
      <c r="B422" s="1" t="s">
        <v>1326</v>
      </c>
      <c r="C422" s="1" t="s">
        <v>1786</v>
      </c>
      <c r="D422" s="1" t="s">
        <v>53</v>
      </c>
      <c r="E422" s="1" t="s">
        <v>1787</v>
      </c>
      <c r="F422" s="1" t="s">
        <v>21</v>
      </c>
      <c r="G422" s="3">
        <v>1</v>
      </c>
      <c r="H422" s="1"/>
      <c r="I422" s="1" t="s">
        <v>25</v>
      </c>
      <c r="J422" s="1" t="s">
        <v>25</v>
      </c>
      <c r="K422" s="1" t="s">
        <v>25</v>
      </c>
      <c r="L422" s="1" t="s">
        <v>24</v>
      </c>
      <c r="M422" s="1" t="s">
        <v>24</v>
      </c>
      <c r="N422" s="1" t="s">
        <v>24</v>
      </c>
      <c r="O422" s="1">
        <v>35.481693819999997</v>
      </c>
      <c r="P422" s="1">
        <v>133.06328999999999</v>
      </c>
    </row>
    <row r="423" spans="1:16" ht="20.100000000000001" customHeight="1" x14ac:dyDescent="0.4">
      <c r="A423" s="1" t="s">
        <v>1788</v>
      </c>
      <c r="B423" s="1" t="s">
        <v>328</v>
      </c>
      <c r="C423" s="1" t="s">
        <v>1789</v>
      </c>
      <c r="D423" s="1" t="s">
        <v>53</v>
      </c>
      <c r="E423" s="1" t="s">
        <v>1790</v>
      </c>
      <c r="F423" s="1" t="s">
        <v>21</v>
      </c>
      <c r="G423" s="3">
        <v>1</v>
      </c>
      <c r="H423" s="1"/>
      <c r="I423" s="1" t="s">
        <v>25</v>
      </c>
      <c r="J423" s="1" t="s">
        <v>25</v>
      </c>
      <c r="K423" s="1" t="s">
        <v>25</v>
      </c>
      <c r="L423" s="1" t="s">
        <v>24</v>
      </c>
      <c r="M423" s="1" t="s">
        <v>24</v>
      </c>
      <c r="N423" s="1" t="s">
        <v>24</v>
      </c>
      <c r="O423" s="1">
        <v>35.500576850000002</v>
      </c>
      <c r="P423" s="1">
        <v>133.08589520000001</v>
      </c>
    </row>
    <row r="424" spans="1:16" ht="20.100000000000001" customHeight="1" x14ac:dyDescent="0.4">
      <c r="A424" s="1" t="s">
        <v>1791</v>
      </c>
      <c r="B424" s="1" t="s">
        <v>1792</v>
      </c>
      <c r="C424" s="1" t="s">
        <v>1793</v>
      </c>
      <c r="D424" s="1" t="s">
        <v>53</v>
      </c>
      <c r="E424" s="1" t="s">
        <v>1794</v>
      </c>
      <c r="F424" s="1" t="s">
        <v>21</v>
      </c>
      <c r="G424" s="3">
        <v>1</v>
      </c>
      <c r="H424" s="1"/>
      <c r="I424" s="1" t="s">
        <v>25</v>
      </c>
      <c r="J424" s="1" t="s">
        <v>25</v>
      </c>
      <c r="K424" s="1" t="s">
        <v>25</v>
      </c>
      <c r="L424" s="1" t="s">
        <v>24</v>
      </c>
      <c r="M424" s="1" t="s">
        <v>24</v>
      </c>
      <c r="N424" s="1" t="s">
        <v>24</v>
      </c>
      <c r="O424" s="1">
        <v>35.428733889999997</v>
      </c>
      <c r="P424" s="1">
        <v>133.13228000000001</v>
      </c>
    </row>
    <row r="425" spans="1:16" ht="20.100000000000001" customHeight="1" x14ac:dyDescent="0.4">
      <c r="A425" s="1" t="s">
        <v>1795</v>
      </c>
      <c r="B425" s="1" t="s">
        <v>1796</v>
      </c>
      <c r="C425" s="1" t="s">
        <v>1797</v>
      </c>
      <c r="D425" s="1" t="s">
        <v>19</v>
      </c>
      <c r="E425" s="1" t="s">
        <v>1798</v>
      </c>
      <c r="F425" s="1" t="s">
        <v>21</v>
      </c>
      <c r="G425" s="3">
        <v>1</v>
      </c>
      <c r="H425" s="1"/>
      <c r="I425" s="1" t="s">
        <v>25</v>
      </c>
      <c r="J425" s="1" t="s">
        <v>25</v>
      </c>
      <c r="K425" s="1" t="s">
        <v>25</v>
      </c>
      <c r="L425" s="1" t="s">
        <v>24</v>
      </c>
      <c r="M425" s="1" t="s">
        <v>24</v>
      </c>
      <c r="N425" s="1" t="s">
        <v>24</v>
      </c>
      <c r="O425" s="1">
        <v>35.409472906557902</v>
      </c>
      <c r="P425" s="1">
        <v>132.84866997976201</v>
      </c>
    </row>
    <row r="426" spans="1:16" ht="20.100000000000001" customHeight="1" x14ac:dyDescent="0.4">
      <c r="A426" s="1" t="s">
        <v>1799</v>
      </c>
      <c r="B426" s="1" t="s">
        <v>184</v>
      </c>
      <c r="C426" s="1" t="s">
        <v>1800</v>
      </c>
      <c r="D426" s="1" t="s">
        <v>53</v>
      </c>
      <c r="E426" s="1" t="s">
        <v>1801</v>
      </c>
      <c r="F426" s="1" t="s">
        <v>21</v>
      </c>
      <c r="G426" s="3">
        <v>1</v>
      </c>
      <c r="H426" s="1"/>
      <c r="I426" s="1" t="s">
        <v>25</v>
      </c>
      <c r="J426" s="1" t="s">
        <v>25</v>
      </c>
      <c r="K426" s="1" t="s">
        <v>25</v>
      </c>
      <c r="L426" s="1" t="s">
        <v>24</v>
      </c>
      <c r="M426" s="1" t="s">
        <v>24</v>
      </c>
      <c r="N426" s="1" t="s">
        <v>24</v>
      </c>
      <c r="O426" s="1">
        <v>35.473028031019801</v>
      </c>
      <c r="P426" s="1">
        <v>133.06894960926201</v>
      </c>
    </row>
    <row r="427" spans="1:16" ht="20.100000000000001" customHeight="1" x14ac:dyDescent="0.4">
      <c r="A427" s="1" t="s">
        <v>1802</v>
      </c>
      <c r="B427" s="1" t="s">
        <v>225</v>
      </c>
      <c r="C427" s="1" t="s">
        <v>1803</v>
      </c>
      <c r="D427" s="1" t="s">
        <v>19</v>
      </c>
      <c r="E427" s="1" t="s">
        <v>1804</v>
      </c>
      <c r="F427" s="1" t="s">
        <v>21</v>
      </c>
      <c r="G427" s="3">
        <v>1</v>
      </c>
      <c r="H427" s="1"/>
      <c r="I427" s="1" t="s">
        <v>25</v>
      </c>
      <c r="J427" s="1" t="s">
        <v>25</v>
      </c>
      <c r="K427" s="1" t="s">
        <v>25</v>
      </c>
      <c r="L427" s="1" t="s">
        <v>24</v>
      </c>
      <c r="M427" s="1" t="s">
        <v>24</v>
      </c>
      <c r="N427" s="1" t="s">
        <v>24</v>
      </c>
      <c r="O427" s="1">
        <v>35.429908343468199</v>
      </c>
      <c r="P427" s="1">
        <v>132.81751057857301</v>
      </c>
    </row>
    <row r="428" spans="1:16" ht="20.100000000000001" customHeight="1" x14ac:dyDescent="0.4">
      <c r="A428" s="1" t="s">
        <v>1805</v>
      </c>
      <c r="B428" s="1" t="s">
        <v>1437</v>
      </c>
      <c r="C428" s="1" t="s">
        <v>1806</v>
      </c>
      <c r="D428" s="1" t="s">
        <v>53</v>
      </c>
      <c r="E428" s="1" t="s">
        <v>1807</v>
      </c>
      <c r="F428" s="1" t="s">
        <v>21</v>
      </c>
      <c r="G428" s="3">
        <v>1</v>
      </c>
      <c r="H428" s="1"/>
      <c r="I428" s="1" t="s">
        <v>25</v>
      </c>
      <c r="J428" s="1" t="s">
        <v>25</v>
      </c>
      <c r="K428" s="1" t="s">
        <v>25</v>
      </c>
      <c r="L428" s="1" t="s">
        <v>24</v>
      </c>
      <c r="M428" s="1" t="s">
        <v>24</v>
      </c>
      <c r="N428" s="1" t="s">
        <v>24</v>
      </c>
      <c r="O428" s="1">
        <v>35.463219258959299</v>
      </c>
      <c r="P428" s="1">
        <v>133.06567182394201</v>
      </c>
    </row>
    <row r="429" spans="1:16" ht="20.100000000000001" customHeight="1" x14ac:dyDescent="0.4">
      <c r="A429" s="1" t="s">
        <v>1808</v>
      </c>
      <c r="B429" s="1" t="s">
        <v>683</v>
      </c>
      <c r="C429" s="1" t="s">
        <v>1809</v>
      </c>
      <c r="D429" s="1" t="s">
        <v>53</v>
      </c>
      <c r="E429" s="1" t="s">
        <v>1810</v>
      </c>
      <c r="F429" s="1" t="s">
        <v>21</v>
      </c>
      <c r="G429" s="3">
        <v>1</v>
      </c>
      <c r="H429" s="1"/>
      <c r="I429" s="1" t="s">
        <v>25</v>
      </c>
      <c r="J429" s="1" t="s">
        <v>25</v>
      </c>
      <c r="K429" s="1" t="s">
        <v>25</v>
      </c>
      <c r="L429" s="1" t="s">
        <v>24</v>
      </c>
      <c r="M429" s="1" t="s">
        <v>24</v>
      </c>
      <c r="N429" s="1" t="s">
        <v>24</v>
      </c>
      <c r="O429" s="1">
        <v>35.449505790000003</v>
      </c>
      <c r="P429" s="1">
        <v>133.0517208</v>
      </c>
    </row>
    <row r="430" spans="1:16" ht="20.100000000000001" customHeight="1" x14ac:dyDescent="0.4">
      <c r="A430" s="1" t="s">
        <v>1811</v>
      </c>
      <c r="B430" s="1" t="s">
        <v>215</v>
      </c>
      <c r="C430" s="1" t="s">
        <v>1812</v>
      </c>
      <c r="D430" s="1" t="s">
        <v>53</v>
      </c>
      <c r="E430" s="1" t="s">
        <v>1813</v>
      </c>
      <c r="F430" s="1" t="s">
        <v>21</v>
      </c>
      <c r="G430" s="3">
        <v>1</v>
      </c>
      <c r="H430" s="1"/>
      <c r="I430" s="1" t="s">
        <v>25</v>
      </c>
      <c r="J430" s="1" t="s">
        <v>25</v>
      </c>
      <c r="K430" s="1" t="s">
        <v>25</v>
      </c>
      <c r="L430" s="1" t="s">
        <v>24</v>
      </c>
      <c r="M430" s="1" t="s">
        <v>24</v>
      </c>
      <c r="N430" s="1" t="s">
        <v>24</v>
      </c>
      <c r="O430" s="1">
        <v>35.480226960000003</v>
      </c>
      <c r="P430" s="1">
        <v>133.0445861</v>
      </c>
    </row>
    <row r="431" spans="1:16" ht="20.100000000000001" customHeight="1" x14ac:dyDescent="0.4">
      <c r="A431" s="1" t="s">
        <v>1814</v>
      </c>
      <c r="B431" s="1" t="s">
        <v>1437</v>
      </c>
      <c r="C431" s="1" t="s">
        <v>1815</v>
      </c>
      <c r="D431" s="1" t="s">
        <v>53</v>
      </c>
      <c r="E431" s="1" t="s">
        <v>1816</v>
      </c>
      <c r="F431" s="1" t="s">
        <v>21</v>
      </c>
      <c r="G431" s="3">
        <v>1</v>
      </c>
      <c r="H431" s="1"/>
      <c r="I431" s="1" t="s">
        <v>25</v>
      </c>
      <c r="J431" s="1" t="s">
        <v>25</v>
      </c>
      <c r="K431" s="1" t="s">
        <v>25</v>
      </c>
      <c r="L431" s="1" t="s">
        <v>24</v>
      </c>
      <c r="M431" s="1" t="s">
        <v>24</v>
      </c>
      <c r="N431" s="1" t="s">
        <v>24</v>
      </c>
      <c r="O431" s="1">
        <v>35.461976982034201</v>
      </c>
      <c r="P431" s="1">
        <v>133.079285923942</v>
      </c>
    </row>
    <row r="432" spans="1:16" ht="20.100000000000001" customHeight="1" x14ac:dyDescent="0.4">
      <c r="A432" s="1" t="s">
        <v>1817</v>
      </c>
      <c r="B432" s="1" t="s">
        <v>1515</v>
      </c>
      <c r="C432" s="1" t="s">
        <v>1818</v>
      </c>
      <c r="D432" s="1" t="s">
        <v>53</v>
      </c>
      <c r="E432" s="1" t="s">
        <v>1819</v>
      </c>
      <c r="F432" s="1" t="s">
        <v>21</v>
      </c>
      <c r="G432" s="3">
        <v>1</v>
      </c>
      <c r="H432" s="1"/>
      <c r="I432" s="1" t="s">
        <v>25</v>
      </c>
      <c r="J432" s="1" t="s">
        <v>25</v>
      </c>
      <c r="K432" s="1" t="s">
        <v>25</v>
      </c>
      <c r="L432" s="1" t="s">
        <v>24</v>
      </c>
      <c r="M432" s="1" t="s">
        <v>24</v>
      </c>
      <c r="N432" s="1" t="s">
        <v>24</v>
      </c>
      <c r="O432" s="1">
        <v>35.428610528672102</v>
      </c>
      <c r="P432" s="1">
        <v>133.05188348591301</v>
      </c>
    </row>
    <row r="433" spans="1:16" ht="20.100000000000001" customHeight="1" x14ac:dyDescent="0.4">
      <c r="A433" s="1" t="s">
        <v>1820</v>
      </c>
      <c r="B433" s="1" t="s">
        <v>771</v>
      </c>
      <c r="C433" s="1" t="s">
        <v>1821</v>
      </c>
      <c r="D433" s="1" t="s">
        <v>47</v>
      </c>
      <c r="E433" s="1" t="s">
        <v>1822</v>
      </c>
      <c r="F433" s="1" t="s">
        <v>21</v>
      </c>
      <c r="G433" s="3">
        <v>1</v>
      </c>
      <c r="H433" s="1"/>
      <c r="I433" s="1" t="s">
        <v>25</v>
      </c>
      <c r="J433" s="1" t="s">
        <v>25</v>
      </c>
      <c r="K433" s="1" t="s">
        <v>25</v>
      </c>
      <c r="L433" s="1" t="s">
        <v>24</v>
      </c>
      <c r="M433" s="1" t="s">
        <v>24</v>
      </c>
      <c r="N433" s="1" t="s">
        <v>24</v>
      </c>
      <c r="O433" s="1">
        <v>35.322534349999998</v>
      </c>
      <c r="P433" s="1">
        <v>132.96360999999999</v>
      </c>
    </row>
    <row r="434" spans="1:16" ht="20.100000000000001" customHeight="1" x14ac:dyDescent="0.4">
      <c r="A434" s="1" t="s">
        <v>1823</v>
      </c>
      <c r="B434" s="1" t="s">
        <v>692</v>
      </c>
      <c r="C434" s="1" t="s">
        <v>1824</v>
      </c>
      <c r="D434" s="1" t="s">
        <v>47</v>
      </c>
      <c r="E434" s="1" t="s">
        <v>1825</v>
      </c>
      <c r="F434" s="1" t="s">
        <v>21</v>
      </c>
      <c r="G434" s="3">
        <v>1</v>
      </c>
      <c r="H434" s="1"/>
      <c r="I434" s="1" t="s">
        <v>25</v>
      </c>
      <c r="J434" s="1" t="s">
        <v>25</v>
      </c>
      <c r="K434" s="1" t="s">
        <v>25</v>
      </c>
      <c r="L434" s="1" t="s">
        <v>24</v>
      </c>
      <c r="M434" s="1" t="s">
        <v>24</v>
      </c>
      <c r="N434" s="1" t="s">
        <v>24</v>
      </c>
      <c r="O434" s="1">
        <v>35.308871799999999</v>
      </c>
      <c r="P434" s="1">
        <v>132.9020324</v>
      </c>
    </row>
    <row r="435" spans="1:16" ht="20.100000000000001" customHeight="1" x14ac:dyDescent="0.4">
      <c r="A435" s="1" t="s">
        <v>1826</v>
      </c>
      <c r="B435" s="1" t="s">
        <v>1827</v>
      </c>
      <c r="C435" s="1" t="s">
        <v>1828</v>
      </c>
      <c r="D435" s="1" t="s">
        <v>47</v>
      </c>
      <c r="E435" s="1" t="s">
        <v>1829</v>
      </c>
      <c r="F435" s="1" t="s">
        <v>21</v>
      </c>
      <c r="G435" s="3">
        <v>1</v>
      </c>
      <c r="H435" s="1"/>
      <c r="I435" s="1" t="s">
        <v>25</v>
      </c>
      <c r="J435" s="1" t="s">
        <v>25</v>
      </c>
      <c r="K435" s="1" t="s">
        <v>25</v>
      </c>
      <c r="L435" s="1" t="s">
        <v>24</v>
      </c>
      <c r="M435" s="1" t="s">
        <v>24</v>
      </c>
      <c r="N435" s="1" t="s">
        <v>24</v>
      </c>
      <c r="O435" s="1">
        <v>35.350003930643702</v>
      </c>
      <c r="P435" s="1">
        <v>132.903461357672</v>
      </c>
    </row>
    <row r="436" spans="1:16" ht="20.100000000000001" customHeight="1" x14ac:dyDescent="0.4">
      <c r="A436" s="1" t="s">
        <v>1830</v>
      </c>
      <c r="B436" s="1" t="s">
        <v>949</v>
      </c>
      <c r="C436" s="1" t="s">
        <v>1831</v>
      </c>
      <c r="D436" s="1" t="s">
        <v>47</v>
      </c>
      <c r="E436" s="1" t="s">
        <v>1832</v>
      </c>
      <c r="F436" s="1" t="s">
        <v>21</v>
      </c>
      <c r="G436" s="3">
        <v>1</v>
      </c>
      <c r="H436" s="1"/>
      <c r="I436" s="1" t="s">
        <v>25</v>
      </c>
      <c r="J436" s="1" t="s">
        <v>25</v>
      </c>
      <c r="K436" s="1" t="s">
        <v>25</v>
      </c>
      <c r="L436" s="1" t="s">
        <v>24</v>
      </c>
      <c r="M436" s="1" t="s">
        <v>24</v>
      </c>
      <c r="N436" s="1" t="s">
        <v>24</v>
      </c>
      <c r="O436" s="1">
        <v>35.197516460880699</v>
      </c>
      <c r="P436" s="1">
        <v>133.00797641779101</v>
      </c>
    </row>
    <row r="437" spans="1:16" ht="20.100000000000001" customHeight="1" x14ac:dyDescent="0.4">
      <c r="A437" s="1" t="s">
        <v>1833</v>
      </c>
      <c r="B437" s="1" t="s">
        <v>159</v>
      </c>
      <c r="C437" s="1" t="s">
        <v>1834</v>
      </c>
      <c r="D437" s="1" t="s">
        <v>47</v>
      </c>
      <c r="E437" s="1" t="s">
        <v>1835</v>
      </c>
      <c r="F437" s="1" t="s">
        <v>21</v>
      </c>
      <c r="G437" s="3">
        <v>1</v>
      </c>
      <c r="H437" s="1"/>
      <c r="I437" s="1" t="s">
        <v>25</v>
      </c>
      <c r="J437" s="1" t="s">
        <v>25</v>
      </c>
      <c r="K437" s="1" t="s">
        <v>25</v>
      </c>
      <c r="L437" s="1" t="s">
        <v>24</v>
      </c>
      <c r="M437" s="1" t="s">
        <v>24</v>
      </c>
      <c r="N437" s="1" t="s">
        <v>24</v>
      </c>
      <c r="O437" s="1">
        <v>35.172435930371499</v>
      </c>
      <c r="P437" s="1">
        <v>133.08678222208999</v>
      </c>
    </row>
    <row r="438" spans="1:16" ht="20.100000000000001" customHeight="1" x14ac:dyDescent="0.4">
      <c r="A438" s="1" t="s">
        <v>1836</v>
      </c>
      <c r="B438" s="1" t="s">
        <v>651</v>
      </c>
      <c r="C438" s="1" t="s">
        <v>1837</v>
      </c>
      <c r="D438" s="1" t="s">
        <v>47</v>
      </c>
      <c r="E438" s="1" t="s">
        <v>1838</v>
      </c>
      <c r="F438" s="1" t="s">
        <v>21</v>
      </c>
      <c r="G438" s="3">
        <v>1</v>
      </c>
      <c r="H438" s="1"/>
      <c r="I438" s="1" t="s">
        <v>25</v>
      </c>
      <c r="J438" s="1" t="s">
        <v>25</v>
      </c>
      <c r="K438" s="1" t="s">
        <v>25</v>
      </c>
      <c r="L438" s="1" t="s">
        <v>24</v>
      </c>
      <c r="M438" s="1" t="s">
        <v>24</v>
      </c>
      <c r="N438" s="1" t="s">
        <v>24</v>
      </c>
      <c r="O438" s="1">
        <v>35.301645022852298</v>
      </c>
      <c r="P438" s="1">
        <v>132.89363756812199</v>
      </c>
    </row>
    <row r="439" spans="1:16" ht="20.100000000000001" customHeight="1" x14ac:dyDescent="0.4">
      <c r="A439" s="1" t="s">
        <v>1839</v>
      </c>
      <c r="B439" s="1" t="s">
        <v>683</v>
      </c>
      <c r="C439" s="1" t="s">
        <v>1840</v>
      </c>
      <c r="D439" s="1" t="s">
        <v>53</v>
      </c>
      <c r="E439" s="1" t="s">
        <v>1841</v>
      </c>
      <c r="F439" s="1" t="s">
        <v>21</v>
      </c>
      <c r="G439" s="3">
        <v>1</v>
      </c>
      <c r="H439" s="1"/>
      <c r="I439" s="1" t="s">
        <v>25</v>
      </c>
      <c r="J439" s="1" t="s">
        <v>25</v>
      </c>
      <c r="K439" s="1" t="s">
        <v>25</v>
      </c>
      <c r="L439" s="1" t="s">
        <v>24</v>
      </c>
      <c r="M439" s="1" t="s">
        <v>24</v>
      </c>
      <c r="N439" s="1" t="s">
        <v>24</v>
      </c>
      <c r="O439" s="1">
        <v>35.44319059</v>
      </c>
      <c r="P439" s="1">
        <v>133.0591034</v>
      </c>
    </row>
    <row r="440" spans="1:16" ht="20.100000000000001" customHeight="1" x14ac:dyDescent="0.4">
      <c r="A440" s="1" t="s">
        <v>1842</v>
      </c>
      <c r="B440" s="1" t="s">
        <v>1843</v>
      </c>
      <c r="C440" s="1" t="s">
        <v>1844</v>
      </c>
      <c r="D440" s="1" t="s">
        <v>53</v>
      </c>
      <c r="E440" s="1" t="s">
        <v>1845</v>
      </c>
      <c r="F440" s="1" t="s">
        <v>21</v>
      </c>
      <c r="G440" s="3">
        <v>1</v>
      </c>
      <c r="H440" s="1"/>
      <c r="I440" s="1" t="s">
        <v>25</v>
      </c>
      <c r="J440" s="1" t="s">
        <v>25</v>
      </c>
      <c r="K440" s="1" t="s">
        <v>25</v>
      </c>
      <c r="L440" s="1" t="s">
        <v>24</v>
      </c>
      <c r="M440" s="1" t="s">
        <v>24</v>
      </c>
      <c r="N440" s="1" t="s">
        <v>24</v>
      </c>
      <c r="O440" s="1">
        <v>35.447241460912899</v>
      </c>
      <c r="P440" s="1">
        <v>133.10372801230301</v>
      </c>
    </row>
    <row r="441" spans="1:16" ht="20.100000000000001" customHeight="1" x14ac:dyDescent="0.4">
      <c r="A441" s="1" t="s">
        <v>1846</v>
      </c>
      <c r="B441" s="1" t="s">
        <v>1847</v>
      </c>
      <c r="C441" s="1" t="s">
        <v>1848</v>
      </c>
      <c r="D441" s="1" t="s">
        <v>53</v>
      </c>
      <c r="E441" s="1" t="s">
        <v>1849</v>
      </c>
      <c r="F441" s="1" t="s">
        <v>21</v>
      </c>
      <c r="G441" s="3">
        <v>1</v>
      </c>
      <c r="H441" s="1"/>
      <c r="I441" s="1" t="s">
        <v>25</v>
      </c>
      <c r="J441" s="1" t="s">
        <v>25</v>
      </c>
      <c r="K441" s="1" t="s">
        <v>25</v>
      </c>
      <c r="L441" s="1" t="s">
        <v>24</v>
      </c>
      <c r="M441" s="1" t="s">
        <v>24</v>
      </c>
      <c r="N441" s="1" t="s">
        <v>24</v>
      </c>
      <c r="O441" s="1">
        <v>35.427809321834403</v>
      </c>
      <c r="P441" s="1">
        <v>133.21371214365499</v>
      </c>
    </row>
    <row r="442" spans="1:16" ht="20.100000000000001" customHeight="1" x14ac:dyDescent="0.4">
      <c r="A442" s="1" t="s">
        <v>1850</v>
      </c>
      <c r="B442" s="1" t="s">
        <v>1851</v>
      </c>
      <c r="C442" s="1" t="s">
        <v>1852</v>
      </c>
      <c r="D442" s="1" t="s">
        <v>53</v>
      </c>
      <c r="E442" s="1" t="s">
        <v>1853</v>
      </c>
      <c r="F442" s="1" t="s">
        <v>21</v>
      </c>
      <c r="G442" s="3">
        <v>1</v>
      </c>
      <c r="H442" s="1"/>
      <c r="I442" s="1" t="s">
        <v>25</v>
      </c>
      <c r="J442" s="1" t="s">
        <v>25</v>
      </c>
      <c r="K442" s="1" t="s">
        <v>25</v>
      </c>
      <c r="L442" s="1" t="s">
        <v>24</v>
      </c>
      <c r="M442" s="1" t="s">
        <v>24</v>
      </c>
      <c r="N442" s="1" t="s">
        <v>24</v>
      </c>
      <c r="O442" s="1">
        <v>35.40939281</v>
      </c>
      <c r="P442" s="1">
        <v>132.90650919999999</v>
      </c>
    </row>
    <row r="443" spans="1:16" ht="20.100000000000001" customHeight="1" x14ac:dyDescent="0.4">
      <c r="A443" s="1" t="s">
        <v>1854</v>
      </c>
      <c r="B443" s="1" t="s">
        <v>1855</v>
      </c>
      <c r="C443" s="1" t="s">
        <v>1856</v>
      </c>
      <c r="D443" s="1" t="s">
        <v>53</v>
      </c>
      <c r="E443" s="1" t="s">
        <v>1857</v>
      </c>
      <c r="F443" s="1" t="s">
        <v>21</v>
      </c>
      <c r="G443" s="3">
        <v>1</v>
      </c>
      <c r="H443" s="1"/>
      <c r="I443" s="1" t="s">
        <v>25</v>
      </c>
      <c r="J443" s="1" t="s">
        <v>25</v>
      </c>
      <c r="K443" s="1" t="s">
        <v>25</v>
      </c>
      <c r="L443" s="1" t="s">
        <v>24</v>
      </c>
      <c r="M443" s="1" t="s">
        <v>24</v>
      </c>
      <c r="N443" s="1" t="s">
        <v>24</v>
      </c>
      <c r="O443" s="1">
        <v>35.521182750000001</v>
      </c>
      <c r="P443" s="1">
        <v>133.02371339999999</v>
      </c>
    </row>
    <row r="444" spans="1:16" ht="20.100000000000001" customHeight="1" x14ac:dyDescent="0.4">
      <c r="A444" s="1" t="s">
        <v>1858</v>
      </c>
      <c r="B444" s="1" t="s">
        <v>900</v>
      </c>
      <c r="C444" s="1" t="s">
        <v>1859</v>
      </c>
      <c r="D444" s="1" t="s">
        <v>53</v>
      </c>
      <c r="E444" s="1" t="s">
        <v>1860</v>
      </c>
      <c r="F444" s="1" t="s">
        <v>21</v>
      </c>
      <c r="G444" s="3">
        <v>1</v>
      </c>
      <c r="H444" s="1"/>
      <c r="I444" s="1" t="s">
        <v>25</v>
      </c>
      <c r="J444" s="1" t="s">
        <v>25</v>
      </c>
      <c r="K444" s="1" t="s">
        <v>25</v>
      </c>
      <c r="L444" s="1" t="s">
        <v>24</v>
      </c>
      <c r="M444" s="1" t="s">
        <v>24</v>
      </c>
      <c r="N444" s="1" t="s">
        <v>24</v>
      </c>
      <c r="O444" s="1">
        <v>35.37296018</v>
      </c>
      <c r="P444" s="1">
        <v>133.18036670000001</v>
      </c>
    </row>
    <row r="445" spans="1:16" ht="20.100000000000001" customHeight="1" x14ac:dyDescent="0.4">
      <c r="A445" s="1" t="s">
        <v>1861</v>
      </c>
      <c r="B445" s="1" t="s">
        <v>1364</v>
      </c>
      <c r="C445" s="1" t="s">
        <v>1862</v>
      </c>
      <c r="D445" s="1" t="s">
        <v>19</v>
      </c>
      <c r="E445" s="1" t="s">
        <v>1863</v>
      </c>
      <c r="F445" s="1" t="s">
        <v>21</v>
      </c>
      <c r="G445" s="3">
        <v>1</v>
      </c>
      <c r="H445" s="1"/>
      <c r="I445" s="1" t="s">
        <v>25</v>
      </c>
      <c r="J445" s="1" t="s">
        <v>25</v>
      </c>
      <c r="K445" s="1" t="s">
        <v>25</v>
      </c>
      <c r="L445" s="1" t="s">
        <v>24</v>
      </c>
      <c r="M445" s="1" t="s">
        <v>24</v>
      </c>
      <c r="N445" s="1" t="s">
        <v>24</v>
      </c>
      <c r="O445" s="1">
        <v>35.386103110000001</v>
      </c>
      <c r="P445" s="1">
        <v>132.69498329999999</v>
      </c>
    </row>
    <row r="446" spans="1:16" ht="20.100000000000001" customHeight="1" x14ac:dyDescent="0.4">
      <c r="A446" s="1" t="s">
        <v>1864</v>
      </c>
      <c r="B446" s="1" t="s">
        <v>1865</v>
      </c>
      <c r="C446" s="1" t="s">
        <v>1866</v>
      </c>
      <c r="D446" s="1" t="s">
        <v>19</v>
      </c>
      <c r="E446" s="1" t="s">
        <v>1867</v>
      </c>
      <c r="F446" s="1" t="s">
        <v>21</v>
      </c>
      <c r="G446" s="3">
        <v>1</v>
      </c>
      <c r="H446" s="1"/>
      <c r="I446" s="1" t="s">
        <v>25</v>
      </c>
      <c r="J446" s="1" t="s">
        <v>25</v>
      </c>
      <c r="K446" s="1" t="s">
        <v>25</v>
      </c>
      <c r="L446" s="1" t="s">
        <v>24</v>
      </c>
      <c r="M446" s="1" t="s">
        <v>24</v>
      </c>
      <c r="N446" s="1" t="s">
        <v>24</v>
      </c>
      <c r="O446" s="1">
        <v>35.34922151</v>
      </c>
      <c r="P446" s="1">
        <v>132.69829559999999</v>
      </c>
    </row>
    <row r="447" spans="1:16" ht="20.100000000000001" customHeight="1" x14ac:dyDescent="0.4">
      <c r="A447" s="1" t="s">
        <v>1868</v>
      </c>
      <c r="B447" s="1" t="s">
        <v>297</v>
      </c>
      <c r="C447" s="1" t="s">
        <v>1869</v>
      </c>
      <c r="D447" s="1" t="s">
        <v>19</v>
      </c>
      <c r="E447" s="1" t="s">
        <v>1870</v>
      </c>
      <c r="F447" s="1" t="s">
        <v>21</v>
      </c>
      <c r="G447" s="3">
        <v>1</v>
      </c>
      <c r="H447" s="1"/>
      <c r="I447" s="1" t="s">
        <v>25</v>
      </c>
      <c r="J447" s="1" t="s">
        <v>25</v>
      </c>
      <c r="K447" s="1" t="s">
        <v>25</v>
      </c>
      <c r="L447" s="1" t="s">
        <v>24</v>
      </c>
      <c r="M447" s="1" t="s">
        <v>24</v>
      </c>
      <c r="N447" s="1" t="s">
        <v>24</v>
      </c>
      <c r="O447" s="1">
        <v>35.366139510828198</v>
      </c>
      <c r="P447" s="1">
        <v>132.741775501852</v>
      </c>
    </row>
    <row r="448" spans="1:16" ht="20.100000000000001" customHeight="1" x14ac:dyDescent="0.4">
      <c r="A448" s="1" t="s">
        <v>1871</v>
      </c>
      <c r="B448" s="1" t="s">
        <v>303</v>
      </c>
      <c r="C448" s="1" t="s">
        <v>1872</v>
      </c>
      <c r="D448" s="1" t="s">
        <v>19</v>
      </c>
      <c r="E448" s="1" t="s">
        <v>1873</v>
      </c>
      <c r="F448" s="1" t="s">
        <v>21</v>
      </c>
      <c r="G448" s="3">
        <v>1</v>
      </c>
      <c r="H448" s="1"/>
      <c r="I448" s="1" t="s">
        <v>24</v>
      </c>
      <c r="J448" s="1" t="s">
        <v>24</v>
      </c>
      <c r="K448" s="1" t="s">
        <v>25</v>
      </c>
      <c r="L448" s="1" t="s">
        <v>24</v>
      </c>
      <c r="M448" s="1" t="s">
        <v>24</v>
      </c>
      <c r="N448" s="1" t="s">
        <v>24</v>
      </c>
      <c r="O448" s="1">
        <v>35.361692176908001</v>
      </c>
      <c r="P448" s="1">
        <v>132.73311457790899</v>
      </c>
    </row>
    <row r="449" spans="1:16" ht="20.100000000000001" customHeight="1" x14ac:dyDescent="0.4">
      <c r="A449" s="1" t="s">
        <v>1874</v>
      </c>
      <c r="B449" s="1" t="s">
        <v>1875</v>
      </c>
      <c r="C449" s="1" t="s">
        <v>1876</v>
      </c>
      <c r="D449" s="1" t="s">
        <v>19</v>
      </c>
      <c r="E449" s="1" t="s">
        <v>1877</v>
      </c>
      <c r="F449" s="1" t="s">
        <v>21</v>
      </c>
      <c r="G449" s="3">
        <v>1</v>
      </c>
      <c r="H449" s="1"/>
      <c r="I449" s="1" t="s">
        <v>25</v>
      </c>
      <c r="J449" s="1" t="s">
        <v>25</v>
      </c>
      <c r="K449" s="1" t="s">
        <v>25</v>
      </c>
      <c r="L449" s="1" t="s">
        <v>24</v>
      </c>
      <c r="M449" s="1" t="s">
        <v>24</v>
      </c>
      <c r="N449" s="1" t="s">
        <v>24</v>
      </c>
      <c r="O449" s="1">
        <v>35.340878239896497</v>
      </c>
      <c r="P449" s="1">
        <v>132.71448409444201</v>
      </c>
    </row>
    <row r="450" spans="1:16" ht="20.100000000000001" customHeight="1" x14ac:dyDescent="0.4">
      <c r="A450" s="1" t="s">
        <v>1878</v>
      </c>
      <c r="B450" s="1" t="s">
        <v>297</v>
      </c>
      <c r="C450" s="1" t="s">
        <v>1879</v>
      </c>
      <c r="D450" s="1" t="s">
        <v>19</v>
      </c>
      <c r="E450" s="1" t="s">
        <v>1880</v>
      </c>
      <c r="F450" s="1" t="s">
        <v>21</v>
      </c>
      <c r="G450" s="3">
        <v>1</v>
      </c>
      <c r="H450" s="1"/>
      <c r="I450" s="1" t="s">
        <v>25</v>
      </c>
      <c r="J450" s="1" t="s">
        <v>25</v>
      </c>
      <c r="K450" s="1" t="s">
        <v>25</v>
      </c>
      <c r="L450" s="1" t="s">
        <v>24</v>
      </c>
      <c r="M450" s="1" t="s">
        <v>24</v>
      </c>
      <c r="N450" s="1" t="s">
        <v>24</v>
      </c>
      <c r="O450" s="1">
        <v>35.364014199971102</v>
      </c>
      <c r="P450" s="1">
        <v>132.744039916671</v>
      </c>
    </row>
    <row r="451" spans="1:16" ht="20.100000000000001" customHeight="1" x14ac:dyDescent="0.4">
      <c r="A451" s="1" t="s">
        <v>1881</v>
      </c>
      <c r="B451" s="1" t="s">
        <v>1882</v>
      </c>
      <c r="C451" s="1" t="s">
        <v>1883</v>
      </c>
      <c r="D451" s="1" t="s">
        <v>19</v>
      </c>
      <c r="E451" s="1" t="s">
        <v>1884</v>
      </c>
      <c r="F451" s="1" t="s">
        <v>21</v>
      </c>
      <c r="G451" s="3">
        <v>1</v>
      </c>
      <c r="H451" s="1"/>
      <c r="I451" s="1" t="s">
        <v>25</v>
      </c>
      <c r="J451" s="1" t="s">
        <v>25</v>
      </c>
      <c r="K451" s="1" t="s">
        <v>25</v>
      </c>
      <c r="L451" s="1" t="s">
        <v>24</v>
      </c>
      <c r="M451" s="1" t="s">
        <v>24</v>
      </c>
      <c r="N451" s="1" t="s">
        <v>24</v>
      </c>
      <c r="O451" s="1">
        <v>35.357593606725899</v>
      </c>
      <c r="P451" s="1">
        <v>132.757855950926</v>
      </c>
    </row>
    <row r="452" spans="1:16" ht="20.100000000000001" customHeight="1" x14ac:dyDescent="0.4">
      <c r="A452" s="1" t="s">
        <v>1885</v>
      </c>
      <c r="B452" s="1" t="s">
        <v>1886</v>
      </c>
      <c r="C452" s="1" t="s">
        <v>1887</v>
      </c>
      <c r="D452" s="1" t="s">
        <v>19</v>
      </c>
      <c r="E452" s="1" t="s">
        <v>1888</v>
      </c>
      <c r="F452" s="1" t="s">
        <v>21</v>
      </c>
      <c r="G452" s="3">
        <v>1</v>
      </c>
      <c r="H452" s="1"/>
      <c r="I452" s="1" t="s">
        <v>24</v>
      </c>
      <c r="J452" s="1" t="s">
        <v>25</v>
      </c>
      <c r="K452" s="1" t="s">
        <v>25</v>
      </c>
      <c r="L452" s="1" t="s">
        <v>24</v>
      </c>
      <c r="M452" s="1" t="s">
        <v>24</v>
      </c>
      <c r="N452" s="1" t="s">
        <v>24</v>
      </c>
      <c r="O452" s="1">
        <v>35.364857900488602</v>
      </c>
      <c r="P452" s="1">
        <v>132.777243375463</v>
      </c>
    </row>
    <row r="453" spans="1:16" ht="20.100000000000001" customHeight="1" x14ac:dyDescent="0.4">
      <c r="A453" s="1" t="s">
        <v>1889</v>
      </c>
      <c r="B453" s="1" t="s">
        <v>414</v>
      </c>
      <c r="C453" s="1" t="s">
        <v>1890</v>
      </c>
      <c r="D453" s="1" t="s">
        <v>19</v>
      </c>
      <c r="E453" s="1" t="s">
        <v>1891</v>
      </c>
      <c r="F453" s="1" t="s">
        <v>21</v>
      </c>
      <c r="G453" s="3">
        <v>1</v>
      </c>
      <c r="H453" s="1"/>
      <c r="I453" s="1" t="s">
        <v>25</v>
      </c>
      <c r="J453" s="1" t="s">
        <v>25</v>
      </c>
      <c r="K453" s="1" t="s">
        <v>25</v>
      </c>
      <c r="L453" s="1" t="s">
        <v>24</v>
      </c>
      <c r="M453" s="1" t="s">
        <v>24</v>
      </c>
      <c r="N453" s="1" t="s">
        <v>24</v>
      </c>
      <c r="O453" s="1">
        <v>35.385177907677203</v>
      </c>
      <c r="P453" s="1">
        <v>132.74181909895</v>
      </c>
    </row>
    <row r="454" spans="1:16" ht="20.100000000000001" customHeight="1" x14ac:dyDescent="0.4">
      <c r="A454" s="1" t="s">
        <v>1892</v>
      </c>
      <c r="B454" s="1" t="s">
        <v>237</v>
      </c>
      <c r="C454" s="1" t="s">
        <v>1893</v>
      </c>
      <c r="D454" s="1" t="s">
        <v>19</v>
      </c>
      <c r="E454" s="1" t="s">
        <v>1894</v>
      </c>
      <c r="F454" s="1" t="s">
        <v>21</v>
      </c>
      <c r="G454" s="3">
        <v>1</v>
      </c>
      <c r="H454" s="1"/>
      <c r="I454" s="1" t="s">
        <v>25</v>
      </c>
      <c r="J454" s="1" t="s">
        <v>25</v>
      </c>
      <c r="K454" s="1" t="s">
        <v>25</v>
      </c>
      <c r="L454" s="1" t="s">
        <v>24</v>
      </c>
      <c r="M454" s="1" t="s">
        <v>24</v>
      </c>
      <c r="N454" s="1" t="s">
        <v>24</v>
      </c>
      <c r="O454" s="1">
        <v>35.396689299999998</v>
      </c>
      <c r="P454" s="1">
        <v>132.854078399999</v>
      </c>
    </row>
    <row r="455" spans="1:16" ht="20.100000000000001" customHeight="1" x14ac:dyDescent="0.4">
      <c r="A455" s="1" t="s">
        <v>1895</v>
      </c>
      <c r="B455" s="1" t="s">
        <v>1896</v>
      </c>
      <c r="C455" s="1" t="s">
        <v>1897</v>
      </c>
      <c r="D455" s="1" t="s">
        <v>19</v>
      </c>
      <c r="E455" s="1" t="s">
        <v>1898</v>
      </c>
      <c r="F455" s="1" t="s">
        <v>21</v>
      </c>
      <c r="G455" s="3">
        <v>1</v>
      </c>
      <c r="H455" s="1"/>
      <c r="I455" s="1" t="s">
        <v>24</v>
      </c>
      <c r="J455" s="1" t="s">
        <v>25</v>
      </c>
      <c r="K455" s="1" t="s">
        <v>25</v>
      </c>
      <c r="L455" s="1" t="s">
        <v>24</v>
      </c>
      <c r="M455" s="1" t="s">
        <v>24</v>
      </c>
      <c r="N455" s="1" t="s">
        <v>24</v>
      </c>
      <c r="O455" s="1">
        <v>35.356115242467503</v>
      </c>
      <c r="P455" s="1">
        <v>132.76243125033099</v>
      </c>
    </row>
    <row r="456" spans="1:16" ht="20.100000000000001" customHeight="1" x14ac:dyDescent="0.4">
      <c r="A456" s="1" t="s">
        <v>1899</v>
      </c>
      <c r="B456" s="1" t="s">
        <v>1900</v>
      </c>
      <c r="C456" s="1" t="s">
        <v>1901</v>
      </c>
      <c r="D456" s="1" t="s">
        <v>19</v>
      </c>
      <c r="E456" s="1" t="s">
        <v>1902</v>
      </c>
      <c r="F456" s="1" t="s">
        <v>21</v>
      </c>
      <c r="G456" s="3">
        <v>1</v>
      </c>
      <c r="H456" s="1"/>
      <c r="I456" s="1" t="s">
        <v>25</v>
      </c>
      <c r="J456" s="1" t="s">
        <v>25</v>
      </c>
      <c r="K456" s="1" t="s">
        <v>25</v>
      </c>
      <c r="L456" s="1" t="s">
        <v>24</v>
      </c>
      <c r="M456" s="1" t="s">
        <v>24</v>
      </c>
      <c r="N456" s="1" t="s">
        <v>24</v>
      </c>
      <c r="O456" s="1">
        <v>35.3796931718663</v>
      </c>
      <c r="P456" s="1">
        <v>132.71435829615601</v>
      </c>
    </row>
    <row r="457" spans="1:16" ht="20.100000000000001" customHeight="1" x14ac:dyDescent="0.4">
      <c r="A457" s="1" t="s">
        <v>1903</v>
      </c>
      <c r="B457" s="1" t="s">
        <v>410</v>
      </c>
      <c r="C457" s="1" t="s">
        <v>1904</v>
      </c>
      <c r="D457" s="1" t="s">
        <v>19</v>
      </c>
      <c r="E457" s="1" t="s">
        <v>1905</v>
      </c>
      <c r="F457" s="1" t="s">
        <v>21</v>
      </c>
      <c r="G457" s="3">
        <v>1</v>
      </c>
      <c r="H457" s="1"/>
      <c r="I457" s="1" t="s">
        <v>25</v>
      </c>
      <c r="J457" s="1" t="s">
        <v>25</v>
      </c>
      <c r="K457" s="1" t="s">
        <v>25</v>
      </c>
      <c r="L457" s="1" t="s">
        <v>24</v>
      </c>
      <c r="M457" s="1" t="s">
        <v>24</v>
      </c>
      <c r="N457" s="1" t="s">
        <v>24</v>
      </c>
      <c r="O457" s="1">
        <v>35.367810378863197</v>
      </c>
      <c r="P457" s="1">
        <v>132.756065845438</v>
      </c>
    </row>
    <row r="458" spans="1:16" ht="20.100000000000001" customHeight="1" x14ac:dyDescent="0.4">
      <c r="A458" s="1" t="s">
        <v>1906</v>
      </c>
      <c r="B458" s="1" t="s">
        <v>342</v>
      </c>
      <c r="C458" s="1" t="s">
        <v>1907</v>
      </c>
      <c r="D458" s="1" t="s">
        <v>53</v>
      </c>
      <c r="E458" s="1" t="s">
        <v>1908</v>
      </c>
      <c r="F458" s="1" t="s">
        <v>21</v>
      </c>
      <c r="G458" s="3">
        <v>1</v>
      </c>
      <c r="H458" s="1"/>
      <c r="I458" s="1" t="s">
        <v>25</v>
      </c>
      <c r="J458" s="1" t="s">
        <v>25</v>
      </c>
      <c r="K458" s="1" t="s">
        <v>25</v>
      </c>
      <c r="L458" s="1" t="s">
        <v>24</v>
      </c>
      <c r="M458" s="1" t="s">
        <v>24</v>
      </c>
      <c r="N458" s="1" t="s">
        <v>24</v>
      </c>
      <c r="O458" s="1">
        <v>35.428794529999998</v>
      </c>
      <c r="P458" s="1">
        <v>133.2650131</v>
      </c>
    </row>
    <row r="459" spans="1:16" ht="20.100000000000001" customHeight="1" x14ac:dyDescent="0.4">
      <c r="A459" s="1" t="s">
        <v>1909</v>
      </c>
      <c r="B459" s="1" t="s">
        <v>316</v>
      </c>
      <c r="C459" s="1" t="s">
        <v>1910</v>
      </c>
      <c r="D459" s="1" t="s">
        <v>53</v>
      </c>
      <c r="E459" s="1" t="s">
        <v>1911</v>
      </c>
      <c r="F459" s="1" t="s">
        <v>21</v>
      </c>
      <c r="G459" s="3">
        <v>1</v>
      </c>
      <c r="H459" s="1"/>
      <c r="I459" s="1" t="s">
        <v>25</v>
      </c>
      <c r="J459" s="1" t="s">
        <v>25</v>
      </c>
      <c r="K459" s="1" t="s">
        <v>25</v>
      </c>
      <c r="L459" s="1" t="s">
        <v>24</v>
      </c>
      <c r="M459" s="1" t="s">
        <v>24</v>
      </c>
      <c r="N459" s="1" t="s">
        <v>24</v>
      </c>
      <c r="O459" s="1">
        <v>35.481391787496896</v>
      </c>
      <c r="P459" s="1">
        <v>133.073880287137</v>
      </c>
    </row>
    <row r="460" spans="1:16" ht="20.100000000000001" customHeight="1" x14ac:dyDescent="0.4">
      <c r="A460" s="1" t="s">
        <v>1912</v>
      </c>
      <c r="B460" s="1" t="s">
        <v>1913</v>
      </c>
      <c r="C460" s="1" t="s">
        <v>1914</v>
      </c>
      <c r="D460" s="1" t="s">
        <v>53</v>
      </c>
      <c r="E460" s="1" t="s">
        <v>1915</v>
      </c>
      <c r="F460" s="1" t="s">
        <v>21</v>
      </c>
      <c r="G460" s="3">
        <v>1</v>
      </c>
      <c r="H460" s="1"/>
      <c r="I460" s="1" t="s">
        <v>25</v>
      </c>
      <c r="J460" s="1" t="s">
        <v>25</v>
      </c>
      <c r="K460" s="1" t="s">
        <v>25</v>
      </c>
      <c r="L460" s="1" t="s">
        <v>24</v>
      </c>
      <c r="M460" s="1" t="s">
        <v>24</v>
      </c>
      <c r="N460" s="1" t="s">
        <v>24</v>
      </c>
      <c r="O460" s="1">
        <v>35.432887003012503</v>
      </c>
      <c r="P460" s="1">
        <v>133.23809879503699</v>
      </c>
    </row>
    <row r="461" spans="1:16" ht="20.100000000000001" customHeight="1" x14ac:dyDescent="0.4">
      <c r="A461" s="1" t="s">
        <v>1916</v>
      </c>
      <c r="B461" s="1" t="s">
        <v>1520</v>
      </c>
      <c r="C461" s="1" t="s">
        <v>1917</v>
      </c>
      <c r="D461" s="1" t="s">
        <v>53</v>
      </c>
      <c r="E461" s="1" t="s">
        <v>1918</v>
      </c>
      <c r="F461" s="1" t="s">
        <v>21</v>
      </c>
      <c r="G461" s="3">
        <v>1</v>
      </c>
      <c r="H461" s="1"/>
      <c r="I461" s="1" t="s">
        <v>25</v>
      </c>
      <c r="J461" s="1" t="s">
        <v>25</v>
      </c>
      <c r="K461" s="1" t="s">
        <v>25</v>
      </c>
      <c r="L461" s="1" t="s">
        <v>24</v>
      </c>
      <c r="M461" s="1" t="s">
        <v>24</v>
      </c>
      <c r="N461" s="1" t="s">
        <v>24</v>
      </c>
      <c r="O461" s="1">
        <v>35.474108169363099</v>
      </c>
      <c r="P461" s="1">
        <v>133.02020180429901</v>
      </c>
    </row>
    <row r="462" spans="1:16" ht="20.100000000000001" customHeight="1" x14ac:dyDescent="0.4">
      <c r="A462" s="1" t="s">
        <v>1919</v>
      </c>
      <c r="B462" s="1" t="s">
        <v>1467</v>
      </c>
      <c r="C462" s="1" t="s">
        <v>1920</v>
      </c>
      <c r="D462" s="1" t="s">
        <v>53</v>
      </c>
      <c r="E462" s="1" t="s">
        <v>1921</v>
      </c>
      <c r="F462" s="1" t="s">
        <v>21</v>
      </c>
      <c r="G462" s="3">
        <v>1</v>
      </c>
      <c r="H462" s="1"/>
      <c r="I462" s="1" t="s">
        <v>25</v>
      </c>
      <c r="J462" s="1" t="s">
        <v>25</v>
      </c>
      <c r="K462" s="1" t="s">
        <v>25</v>
      </c>
      <c r="L462" s="1" t="s">
        <v>24</v>
      </c>
      <c r="M462" s="1" t="s">
        <v>24</v>
      </c>
      <c r="N462" s="1" t="s">
        <v>24</v>
      </c>
      <c r="O462" s="1">
        <v>35.4714846651394</v>
      </c>
      <c r="P462" s="1">
        <v>133.04502618769601</v>
      </c>
    </row>
    <row r="463" spans="1:16" ht="20.100000000000001" customHeight="1" x14ac:dyDescent="0.4">
      <c r="A463" s="1" t="s">
        <v>1922</v>
      </c>
      <c r="B463" s="1" t="s">
        <v>1034</v>
      </c>
      <c r="C463" s="1" t="s">
        <v>1923</v>
      </c>
      <c r="D463" s="1" t="s">
        <v>53</v>
      </c>
      <c r="E463" s="1" t="s">
        <v>1924</v>
      </c>
      <c r="F463" s="1" t="s">
        <v>21</v>
      </c>
      <c r="G463" s="3">
        <v>1</v>
      </c>
      <c r="H463" s="1"/>
      <c r="I463" s="1" t="s">
        <v>25</v>
      </c>
      <c r="J463" s="1" t="s">
        <v>25</v>
      </c>
      <c r="K463" s="1" t="s">
        <v>25</v>
      </c>
      <c r="L463" s="1" t="s">
        <v>24</v>
      </c>
      <c r="M463" s="1" t="s">
        <v>24</v>
      </c>
      <c r="N463" s="1" t="s">
        <v>24</v>
      </c>
      <c r="O463" s="1">
        <v>35.4414813050102</v>
      </c>
      <c r="P463" s="1">
        <v>133.08274017539301</v>
      </c>
    </row>
    <row r="464" spans="1:16" ht="20.100000000000001" customHeight="1" x14ac:dyDescent="0.4">
      <c r="A464" s="1" t="s">
        <v>1925</v>
      </c>
      <c r="B464" s="1" t="s">
        <v>342</v>
      </c>
      <c r="C464" s="1" t="s">
        <v>1926</v>
      </c>
      <c r="D464" s="1" t="s">
        <v>53</v>
      </c>
      <c r="E464" s="1" t="s">
        <v>1927</v>
      </c>
      <c r="F464" s="1" t="s">
        <v>21</v>
      </c>
      <c r="G464" s="3">
        <v>1</v>
      </c>
      <c r="H464" s="1"/>
      <c r="I464" s="1" t="s">
        <v>25</v>
      </c>
      <c r="J464" s="1" t="s">
        <v>25</v>
      </c>
      <c r="K464" s="1" t="s">
        <v>25</v>
      </c>
      <c r="L464" s="1" t="s">
        <v>24</v>
      </c>
      <c r="M464" s="1" t="s">
        <v>24</v>
      </c>
      <c r="N464" s="1" t="s">
        <v>24</v>
      </c>
      <c r="O464" s="1">
        <v>35.425546683027001</v>
      </c>
      <c r="P464" s="1">
        <v>133.27862613876101</v>
      </c>
    </row>
    <row r="465" spans="1:16" ht="20.100000000000001" customHeight="1" x14ac:dyDescent="0.4">
      <c r="A465" s="1" t="s">
        <v>1928</v>
      </c>
      <c r="B465" s="1" t="s">
        <v>1420</v>
      </c>
      <c r="C465" s="1" t="s">
        <v>1929</v>
      </c>
      <c r="D465" s="1" t="s">
        <v>19</v>
      </c>
      <c r="E465" s="1" t="s">
        <v>1930</v>
      </c>
      <c r="F465" s="1" t="s">
        <v>21</v>
      </c>
      <c r="G465" s="3">
        <v>1</v>
      </c>
      <c r="H465" s="1"/>
      <c r="I465" s="1" t="s">
        <v>25</v>
      </c>
      <c r="J465" s="1" t="s">
        <v>25</v>
      </c>
      <c r="K465" s="1" t="s">
        <v>25</v>
      </c>
      <c r="L465" s="1" t="s">
        <v>24</v>
      </c>
      <c r="M465" s="1" t="s">
        <v>24</v>
      </c>
      <c r="N465" s="1" t="s">
        <v>24</v>
      </c>
      <c r="O465" s="1">
        <v>35.329822123455301</v>
      </c>
      <c r="P465" s="1">
        <v>132.67595096501199</v>
      </c>
    </row>
    <row r="466" spans="1:16" ht="20.100000000000001" customHeight="1" x14ac:dyDescent="0.4">
      <c r="A466" s="1" t="s">
        <v>1931</v>
      </c>
      <c r="B466" s="1" t="s">
        <v>225</v>
      </c>
      <c r="C466" s="1" t="s">
        <v>1932</v>
      </c>
      <c r="D466" s="1" t="s">
        <v>19</v>
      </c>
      <c r="E466" s="1" t="s">
        <v>1933</v>
      </c>
      <c r="F466" s="1" t="s">
        <v>21</v>
      </c>
      <c r="G466" s="3">
        <v>1</v>
      </c>
      <c r="H466" s="1"/>
      <c r="I466" s="1" t="s">
        <v>25</v>
      </c>
      <c r="J466" s="1" t="s">
        <v>25</v>
      </c>
      <c r="K466" s="1" t="s">
        <v>25</v>
      </c>
      <c r="L466" s="1" t="s">
        <v>24</v>
      </c>
      <c r="M466" s="1" t="s">
        <v>24</v>
      </c>
      <c r="N466" s="1" t="s">
        <v>24</v>
      </c>
      <c r="O466" s="1">
        <v>35.4411907147745</v>
      </c>
      <c r="P466" s="1">
        <v>132.83110778220899</v>
      </c>
    </row>
    <row r="467" spans="1:16" ht="20.100000000000001" customHeight="1" x14ac:dyDescent="0.4">
      <c r="A467" s="1" t="s">
        <v>1934</v>
      </c>
      <c r="B467" s="1" t="s">
        <v>1935</v>
      </c>
      <c r="C467" s="1" t="s">
        <v>1936</v>
      </c>
      <c r="D467" s="1" t="s">
        <v>19</v>
      </c>
      <c r="E467" s="1" t="s">
        <v>1937</v>
      </c>
      <c r="F467" s="1" t="s">
        <v>21</v>
      </c>
      <c r="G467" s="3">
        <v>1</v>
      </c>
      <c r="H467" s="1"/>
      <c r="I467" s="1" t="s">
        <v>25</v>
      </c>
      <c r="J467" s="1" t="s">
        <v>25</v>
      </c>
      <c r="K467" s="1" t="s">
        <v>25</v>
      </c>
      <c r="L467" s="1" t="s">
        <v>24</v>
      </c>
      <c r="M467" s="1" t="s">
        <v>24</v>
      </c>
      <c r="N467" s="1" t="s">
        <v>24</v>
      </c>
      <c r="O467" s="1">
        <v>35.393354700000003</v>
      </c>
      <c r="P467" s="1">
        <v>132.76726059999999</v>
      </c>
    </row>
    <row r="468" spans="1:16" ht="20.100000000000001" customHeight="1" x14ac:dyDescent="0.4">
      <c r="A468" s="1" t="s">
        <v>1938</v>
      </c>
      <c r="B468" s="1" t="s">
        <v>77</v>
      </c>
      <c r="C468" s="1" t="s">
        <v>1939</v>
      </c>
      <c r="D468" s="1" t="s">
        <v>19</v>
      </c>
      <c r="E468" s="1" t="s">
        <v>1940</v>
      </c>
      <c r="F468" s="1" t="s">
        <v>21</v>
      </c>
      <c r="G468" s="3">
        <v>1</v>
      </c>
      <c r="H468" s="1"/>
      <c r="I468" s="1" t="s">
        <v>25</v>
      </c>
      <c r="J468" s="1" t="s">
        <v>25</v>
      </c>
      <c r="K468" s="1" t="s">
        <v>25</v>
      </c>
      <c r="L468" s="1" t="s">
        <v>24</v>
      </c>
      <c r="M468" s="1" t="s">
        <v>24</v>
      </c>
      <c r="N468" s="1" t="s">
        <v>24</v>
      </c>
      <c r="O468" s="1">
        <v>35.374102287540801</v>
      </c>
      <c r="P468" s="1">
        <v>132.74401989384799</v>
      </c>
    </row>
    <row r="469" spans="1:16" ht="20.100000000000001" customHeight="1" x14ac:dyDescent="0.4">
      <c r="A469" s="1" t="s">
        <v>1941</v>
      </c>
      <c r="B469" s="1" t="s">
        <v>1942</v>
      </c>
      <c r="C469" s="1" t="s">
        <v>1943</v>
      </c>
      <c r="D469" s="1" t="s">
        <v>19</v>
      </c>
      <c r="E469" s="1" t="s">
        <v>1944</v>
      </c>
      <c r="F469" s="1" t="s">
        <v>21</v>
      </c>
      <c r="G469" s="3">
        <v>1</v>
      </c>
      <c r="H469" s="1"/>
      <c r="I469" s="1" t="s">
        <v>25</v>
      </c>
      <c r="J469" s="1" t="s">
        <v>25</v>
      </c>
      <c r="K469" s="1" t="s">
        <v>25</v>
      </c>
      <c r="L469" s="1" t="s">
        <v>24</v>
      </c>
      <c r="M469" s="1" t="s">
        <v>24</v>
      </c>
      <c r="N469" s="1" t="s">
        <v>24</v>
      </c>
      <c r="O469" s="1">
        <v>35.3339319818039</v>
      </c>
      <c r="P469" s="1">
        <v>132.72755897885099</v>
      </c>
    </row>
    <row r="470" spans="1:16" ht="20.100000000000001" customHeight="1" x14ac:dyDescent="0.4">
      <c r="A470" s="1" t="s">
        <v>1945</v>
      </c>
      <c r="B470" s="1" t="s">
        <v>529</v>
      </c>
      <c r="C470" s="1" t="s">
        <v>1946</v>
      </c>
      <c r="D470" s="1" t="s">
        <v>19</v>
      </c>
      <c r="E470" s="1" t="s">
        <v>1947</v>
      </c>
      <c r="F470" s="1" t="s">
        <v>21</v>
      </c>
      <c r="G470" s="3">
        <v>1</v>
      </c>
      <c r="H470" s="1"/>
      <c r="I470" s="1" t="s">
        <v>25</v>
      </c>
      <c r="J470" s="1" t="s">
        <v>25</v>
      </c>
      <c r="K470" s="1" t="s">
        <v>25</v>
      </c>
      <c r="L470" s="1" t="s">
        <v>24</v>
      </c>
      <c r="M470" s="1" t="s">
        <v>24</v>
      </c>
      <c r="N470" s="1" t="s">
        <v>24</v>
      </c>
      <c r="O470" s="1">
        <v>35.397445130662803</v>
      </c>
      <c r="P470" s="1">
        <v>132.691366328974</v>
      </c>
    </row>
    <row r="471" spans="1:16" ht="20.100000000000001" customHeight="1" x14ac:dyDescent="0.4">
      <c r="A471" s="1" t="s">
        <v>1948</v>
      </c>
      <c r="B471" s="1" t="s">
        <v>931</v>
      </c>
      <c r="C471" s="1" t="s">
        <v>1949</v>
      </c>
      <c r="D471" s="1" t="s">
        <v>19</v>
      </c>
      <c r="E471" s="1" t="s">
        <v>1950</v>
      </c>
      <c r="F471" s="1" t="s">
        <v>21</v>
      </c>
      <c r="G471" s="3">
        <v>1</v>
      </c>
      <c r="H471" s="1"/>
      <c r="I471" s="1" t="s">
        <v>25</v>
      </c>
      <c r="J471" s="1" t="s">
        <v>25</v>
      </c>
      <c r="K471" s="1" t="s">
        <v>25</v>
      </c>
      <c r="L471" s="1" t="s">
        <v>24</v>
      </c>
      <c r="M471" s="1" t="s">
        <v>24</v>
      </c>
      <c r="N471" s="1" t="s">
        <v>24</v>
      </c>
      <c r="O471" s="1">
        <v>35.382511331691802</v>
      </c>
      <c r="P471" s="1">
        <v>132.759612841803</v>
      </c>
    </row>
    <row r="472" spans="1:16" ht="20.100000000000001" customHeight="1" x14ac:dyDescent="0.4">
      <c r="A472" s="1" t="s">
        <v>1951</v>
      </c>
      <c r="B472" s="1" t="s">
        <v>1952</v>
      </c>
      <c r="C472" s="1" t="s">
        <v>1953</v>
      </c>
      <c r="D472" s="1" t="s">
        <v>29</v>
      </c>
      <c r="E472" s="1" t="s">
        <v>1954</v>
      </c>
      <c r="F472" s="1" t="s">
        <v>1955</v>
      </c>
      <c r="G472" s="1" t="s">
        <v>424</v>
      </c>
      <c r="H472" s="1" t="s">
        <v>1956</v>
      </c>
      <c r="I472" s="1" t="s">
        <v>24</v>
      </c>
      <c r="J472" s="1" t="s">
        <v>24</v>
      </c>
      <c r="K472" s="1" t="s">
        <v>25</v>
      </c>
      <c r="L472" s="1" t="s">
        <v>25</v>
      </c>
      <c r="M472" s="1" t="s">
        <v>24</v>
      </c>
      <c r="N472" s="1" t="s">
        <v>24</v>
      </c>
      <c r="O472" s="1">
        <v>34.958556960000003</v>
      </c>
      <c r="P472" s="1">
        <v>132.3354271</v>
      </c>
    </row>
    <row r="473" spans="1:16" ht="20.100000000000001" customHeight="1" x14ac:dyDescent="0.4">
      <c r="A473" s="1" t="s">
        <v>1957</v>
      </c>
      <c r="B473" s="1" t="s">
        <v>65</v>
      </c>
      <c r="C473" s="1" t="s">
        <v>1958</v>
      </c>
      <c r="D473" s="1" t="s">
        <v>53</v>
      </c>
      <c r="E473" s="1" t="s">
        <v>1959</v>
      </c>
      <c r="F473" s="1" t="s">
        <v>1960</v>
      </c>
      <c r="G473" s="1" t="s">
        <v>283</v>
      </c>
      <c r="H473" s="1" t="s">
        <v>1961</v>
      </c>
      <c r="I473" s="1" t="s">
        <v>24</v>
      </c>
      <c r="J473" s="1" t="s">
        <v>25</v>
      </c>
      <c r="K473" s="1" t="s">
        <v>25</v>
      </c>
      <c r="L473" s="1" t="s">
        <v>25</v>
      </c>
      <c r="M473" s="1" t="s">
        <v>24</v>
      </c>
      <c r="N473" s="1" t="s">
        <v>24</v>
      </c>
      <c r="O473" s="1">
        <v>35.473466920955303</v>
      </c>
      <c r="P473" s="1">
        <v>133.053421149668</v>
      </c>
    </row>
    <row r="474" spans="1:16" ht="20.100000000000001" customHeight="1" x14ac:dyDescent="0.4">
      <c r="A474" s="1" t="s">
        <v>1962</v>
      </c>
      <c r="B474" s="1" t="s">
        <v>991</v>
      </c>
      <c r="C474" s="1" t="s">
        <v>992</v>
      </c>
      <c r="D474" s="1" t="s">
        <v>84</v>
      </c>
      <c r="E474" s="1" t="s">
        <v>1963</v>
      </c>
      <c r="F474" s="1" t="s">
        <v>21</v>
      </c>
      <c r="G474" s="1" t="s">
        <v>31</v>
      </c>
      <c r="H474" s="1"/>
      <c r="I474" s="1" t="s">
        <v>24</v>
      </c>
      <c r="J474" s="1" t="s">
        <v>24</v>
      </c>
      <c r="K474" s="1" t="s">
        <v>24</v>
      </c>
      <c r="L474" s="1" t="s">
        <v>24</v>
      </c>
      <c r="M474" s="1" t="s">
        <v>24</v>
      </c>
      <c r="N474" s="1" t="s">
        <v>24</v>
      </c>
      <c r="O474" s="1">
        <v>35.198247119999998</v>
      </c>
      <c r="P474" s="1">
        <v>132.48051530000001</v>
      </c>
    </row>
    <row r="475" spans="1:16" ht="20.100000000000001" customHeight="1" x14ac:dyDescent="0.4">
      <c r="A475" s="1" t="s">
        <v>1964</v>
      </c>
      <c r="B475" s="1" t="s">
        <v>1752</v>
      </c>
      <c r="C475" s="1" t="s">
        <v>1965</v>
      </c>
      <c r="D475" s="1" t="s">
        <v>53</v>
      </c>
      <c r="E475" s="1" t="s">
        <v>1966</v>
      </c>
      <c r="F475" s="1" t="s">
        <v>855</v>
      </c>
      <c r="G475" s="1" t="s">
        <v>163</v>
      </c>
      <c r="H475" s="1" t="s">
        <v>1967</v>
      </c>
      <c r="I475" s="1" t="s">
        <v>24</v>
      </c>
      <c r="J475" s="1" t="s">
        <v>25</v>
      </c>
      <c r="K475" s="1" t="s">
        <v>25</v>
      </c>
      <c r="L475" s="1" t="s">
        <v>25</v>
      </c>
      <c r="M475" s="1" t="s">
        <v>24</v>
      </c>
      <c r="N475" s="1" t="s">
        <v>24</v>
      </c>
      <c r="O475" s="1">
        <v>35.449301650000002</v>
      </c>
      <c r="P475" s="1">
        <v>133.12741500000001</v>
      </c>
    </row>
    <row r="476" spans="1:16" ht="20.100000000000001" customHeight="1" x14ac:dyDescent="0.4">
      <c r="A476" s="1" t="s">
        <v>1968</v>
      </c>
      <c r="B476" s="1" t="s">
        <v>1969</v>
      </c>
      <c r="C476" s="1" t="s">
        <v>1970</v>
      </c>
      <c r="D476" s="1" t="s">
        <v>35</v>
      </c>
      <c r="E476" s="1" t="s">
        <v>1971</v>
      </c>
      <c r="F476" s="1" t="s">
        <v>21</v>
      </c>
      <c r="G476" s="1" t="s">
        <v>811</v>
      </c>
      <c r="H476" s="1"/>
      <c r="I476" s="1" t="s">
        <v>24</v>
      </c>
      <c r="J476" s="1" t="s">
        <v>25</v>
      </c>
      <c r="K476" s="1" t="s">
        <v>24</v>
      </c>
      <c r="L476" s="1" t="s">
        <v>25</v>
      </c>
      <c r="M476" s="1" t="s">
        <v>24</v>
      </c>
      <c r="N476" s="1" t="s">
        <v>24</v>
      </c>
      <c r="O476" s="1">
        <v>34.683060040000001</v>
      </c>
      <c r="P476" s="1">
        <v>131.8474243</v>
      </c>
    </row>
    <row r="477" spans="1:16" ht="20.100000000000001" customHeight="1" x14ac:dyDescent="0.4">
      <c r="A477" s="1" t="s">
        <v>1972</v>
      </c>
      <c r="B477" s="1" t="s">
        <v>1973</v>
      </c>
      <c r="C477" s="1" t="s">
        <v>1974</v>
      </c>
      <c r="D477" s="1" t="s">
        <v>29</v>
      </c>
      <c r="E477" s="1" t="s">
        <v>1975</v>
      </c>
      <c r="F477" s="1" t="s">
        <v>21</v>
      </c>
      <c r="G477" s="1" t="s">
        <v>627</v>
      </c>
      <c r="H477" s="1"/>
      <c r="I477" s="1" t="s">
        <v>24</v>
      </c>
      <c r="J477" s="1" t="s">
        <v>24</v>
      </c>
      <c r="K477" s="1" t="s">
        <v>25</v>
      </c>
      <c r="L477" s="1" t="s">
        <v>25</v>
      </c>
      <c r="M477" s="1" t="s">
        <v>24</v>
      </c>
      <c r="N477" s="1" t="s">
        <v>24</v>
      </c>
      <c r="O477" s="1">
        <v>34.820404779999997</v>
      </c>
      <c r="P477" s="1">
        <v>131.97696250000001</v>
      </c>
    </row>
    <row r="478" spans="1:16" ht="20.100000000000001" customHeight="1" x14ac:dyDescent="0.4">
      <c r="A478" s="1" t="s">
        <v>1976</v>
      </c>
      <c r="B478" s="1" t="s">
        <v>1977</v>
      </c>
      <c r="C478" s="1" t="s">
        <v>1978</v>
      </c>
      <c r="D478" s="1" t="s">
        <v>53</v>
      </c>
      <c r="E478" s="1" t="s">
        <v>1979</v>
      </c>
      <c r="F478" s="1" t="s">
        <v>1980</v>
      </c>
      <c r="G478" s="1" t="s">
        <v>1981</v>
      </c>
      <c r="H478" s="1" t="s">
        <v>1982</v>
      </c>
      <c r="I478" s="1" t="s">
        <v>24</v>
      </c>
      <c r="J478" s="1" t="s">
        <v>25</v>
      </c>
      <c r="K478" s="1" t="s">
        <v>24</v>
      </c>
      <c r="L478" s="1" t="s">
        <v>24</v>
      </c>
      <c r="M478" s="1" t="s">
        <v>24</v>
      </c>
      <c r="N478" s="1" t="s">
        <v>25</v>
      </c>
      <c r="O478" s="1">
        <v>35.468626409999999</v>
      </c>
      <c r="P478" s="1">
        <v>133.0458075</v>
      </c>
    </row>
    <row r="479" spans="1:16" ht="20.100000000000001" customHeight="1" x14ac:dyDescent="0.4">
      <c r="A479" s="1" t="s">
        <v>1983</v>
      </c>
      <c r="B479" s="1" t="s">
        <v>1984</v>
      </c>
      <c r="C479" s="1" t="s">
        <v>1985</v>
      </c>
      <c r="D479" s="1" t="s">
        <v>29</v>
      </c>
      <c r="E479" s="1" t="s">
        <v>1986</v>
      </c>
      <c r="F479" s="1" t="s">
        <v>1987</v>
      </c>
      <c r="G479" s="1" t="s">
        <v>1988</v>
      </c>
      <c r="H479" s="1" t="s">
        <v>1989</v>
      </c>
      <c r="I479" s="1" t="s">
        <v>24</v>
      </c>
      <c r="J479" s="1" t="s">
        <v>25</v>
      </c>
      <c r="K479" s="1" t="s">
        <v>25</v>
      </c>
      <c r="L479" s="1" t="s">
        <v>24</v>
      </c>
      <c r="M479" s="1" t="s">
        <v>25</v>
      </c>
      <c r="N479" s="1" t="s">
        <v>24</v>
      </c>
      <c r="O479" s="1">
        <v>34.91689521</v>
      </c>
      <c r="P479" s="1">
        <v>132.1091405</v>
      </c>
    </row>
    <row r="480" spans="1:16" ht="20.100000000000001" customHeight="1" x14ac:dyDescent="0.4">
      <c r="A480" s="1" t="s">
        <v>1990</v>
      </c>
      <c r="B480" s="1" t="s">
        <v>793</v>
      </c>
      <c r="C480" s="1" t="s">
        <v>1991</v>
      </c>
      <c r="D480" s="1" t="s">
        <v>53</v>
      </c>
      <c r="E480" s="1" t="s">
        <v>1992</v>
      </c>
      <c r="F480" s="1" t="s">
        <v>1993</v>
      </c>
      <c r="G480" s="1" t="s">
        <v>1988</v>
      </c>
      <c r="H480" s="1" t="s">
        <v>1994</v>
      </c>
      <c r="I480" s="1" t="s">
        <v>24</v>
      </c>
      <c r="J480" s="1" t="s">
        <v>24</v>
      </c>
      <c r="K480" s="1" t="s">
        <v>24</v>
      </c>
      <c r="L480" s="1" t="s">
        <v>25</v>
      </c>
      <c r="M480" s="1" t="s">
        <v>24</v>
      </c>
      <c r="N480" s="1" t="s">
        <v>24</v>
      </c>
      <c r="O480" s="1">
        <v>35.434131049999998</v>
      </c>
      <c r="P480" s="1">
        <v>133.01282950000001</v>
      </c>
    </row>
    <row r="481" spans="1:16" ht="20.100000000000001" customHeight="1" x14ac:dyDescent="0.4">
      <c r="A481" s="1" t="s">
        <v>1995</v>
      </c>
      <c r="B481" s="1" t="s">
        <v>640</v>
      </c>
      <c r="C481" s="1" t="s">
        <v>1996</v>
      </c>
      <c r="D481" s="1" t="s">
        <v>19</v>
      </c>
      <c r="E481" s="1" t="s">
        <v>1997</v>
      </c>
      <c r="F481" s="1" t="s">
        <v>1998</v>
      </c>
      <c r="G481" s="1" t="s">
        <v>1999</v>
      </c>
      <c r="H481" s="1" t="s">
        <v>2000</v>
      </c>
      <c r="I481" s="1" t="s">
        <v>24</v>
      </c>
      <c r="J481" s="1" t="s">
        <v>24</v>
      </c>
      <c r="K481" s="1" t="s">
        <v>24</v>
      </c>
      <c r="L481" s="1" t="s">
        <v>25</v>
      </c>
      <c r="M481" s="1" t="s">
        <v>24</v>
      </c>
      <c r="N481" s="1" t="s">
        <v>24</v>
      </c>
      <c r="O481" s="1">
        <v>35.347498129999998</v>
      </c>
      <c r="P481" s="1">
        <v>132.75253939999999</v>
      </c>
    </row>
    <row r="482" spans="1:16" ht="20.100000000000001" customHeight="1" x14ac:dyDescent="0.4">
      <c r="A482" s="1" t="s">
        <v>2001</v>
      </c>
      <c r="B482" s="1" t="s">
        <v>58</v>
      </c>
      <c r="C482" s="1" t="s">
        <v>2002</v>
      </c>
      <c r="D482" s="1" t="s">
        <v>53</v>
      </c>
      <c r="E482" s="1" t="s">
        <v>2003</v>
      </c>
      <c r="F482" s="1" t="s">
        <v>2004</v>
      </c>
      <c r="G482" s="1" t="s">
        <v>1988</v>
      </c>
      <c r="H482" s="1" t="s">
        <v>1989</v>
      </c>
      <c r="I482" s="1" t="s">
        <v>24</v>
      </c>
      <c r="J482" s="1" t="s">
        <v>25</v>
      </c>
      <c r="K482" s="1" t="s">
        <v>24</v>
      </c>
      <c r="L482" s="1" t="s">
        <v>24</v>
      </c>
      <c r="M482" s="1" t="s">
        <v>25</v>
      </c>
      <c r="N482" s="1" t="s">
        <v>24</v>
      </c>
      <c r="O482" s="1">
        <v>35.434985359999999</v>
      </c>
      <c r="P482" s="1">
        <v>133.08054899999999</v>
      </c>
    </row>
    <row r="483" spans="1:16" ht="20.100000000000001" customHeight="1" x14ac:dyDescent="0.4">
      <c r="A483" s="1" t="s">
        <v>2005</v>
      </c>
      <c r="B483" s="1" t="s">
        <v>2006</v>
      </c>
      <c r="C483" s="1" t="s">
        <v>2007</v>
      </c>
      <c r="D483" s="1" t="s">
        <v>19</v>
      </c>
      <c r="E483" s="1" t="s">
        <v>2008</v>
      </c>
      <c r="F483" s="1" t="s">
        <v>429</v>
      </c>
      <c r="G483" s="1" t="s">
        <v>2009</v>
      </c>
      <c r="H483" s="1"/>
      <c r="I483" s="1" t="s">
        <v>24</v>
      </c>
      <c r="J483" s="1" t="s">
        <v>24</v>
      </c>
      <c r="K483" s="1" t="s">
        <v>25</v>
      </c>
      <c r="L483" s="1" t="s">
        <v>25</v>
      </c>
      <c r="M483" s="1" t="s">
        <v>24</v>
      </c>
      <c r="N483" s="1" t="s">
        <v>24</v>
      </c>
      <c r="O483" s="1">
        <v>35.365798069999997</v>
      </c>
      <c r="P483" s="1">
        <v>132.7244699</v>
      </c>
    </row>
    <row r="484" spans="1:16" ht="20.100000000000001" customHeight="1" x14ac:dyDescent="0.4">
      <c r="A484" s="1" t="s">
        <v>2010</v>
      </c>
      <c r="B484" s="1" t="s">
        <v>225</v>
      </c>
      <c r="C484" s="1" t="s">
        <v>2011</v>
      </c>
      <c r="D484" s="1" t="s">
        <v>19</v>
      </c>
      <c r="E484" s="1" t="s">
        <v>2012</v>
      </c>
      <c r="F484" s="1" t="s">
        <v>429</v>
      </c>
      <c r="G484" s="1" t="s">
        <v>2013</v>
      </c>
      <c r="H484" s="1"/>
      <c r="I484" s="1" t="s">
        <v>24</v>
      </c>
      <c r="J484" s="1" t="s">
        <v>24</v>
      </c>
      <c r="K484" s="1" t="s">
        <v>25</v>
      </c>
      <c r="L484" s="1" t="s">
        <v>25</v>
      </c>
      <c r="M484" s="1" t="s">
        <v>24</v>
      </c>
      <c r="N484" s="1" t="s">
        <v>24</v>
      </c>
      <c r="O484" s="1">
        <v>35.439356930000002</v>
      </c>
      <c r="P484" s="1">
        <v>132.82380670000001</v>
      </c>
    </row>
    <row r="485" spans="1:16" ht="20.100000000000001" customHeight="1" x14ac:dyDescent="0.4">
      <c r="A485" s="1" t="s">
        <v>2014</v>
      </c>
      <c r="B485" s="1" t="s">
        <v>1420</v>
      </c>
      <c r="C485" s="1" t="s">
        <v>2015</v>
      </c>
      <c r="D485" s="1" t="s">
        <v>19</v>
      </c>
      <c r="E485" s="1" t="s">
        <v>2016</v>
      </c>
      <c r="F485" s="1" t="s">
        <v>429</v>
      </c>
      <c r="G485" s="1" t="s">
        <v>2017</v>
      </c>
      <c r="H485" s="1"/>
      <c r="I485" s="1" t="s">
        <v>25</v>
      </c>
      <c r="J485" s="1" t="s">
        <v>24</v>
      </c>
      <c r="K485" s="1" t="s">
        <v>25</v>
      </c>
      <c r="L485" s="1" t="s">
        <v>25</v>
      </c>
      <c r="M485" s="1" t="s">
        <v>24</v>
      </c>
      <c r="N485" s="1" t="s">
        <v>24</v>
      </c>
      <c r="O485" s="1">
        <v>35.330007819999999</v>
      </c>
      <c r="P485" s="1">
        <v>132.67494740000001</v>
      </c>
    </row>
    <row r="486" spans="1:16" ht="20.100000000000001" customHeight="1" x14ac:dyDescent="0.4">
      <c r="A486" s="1" t="s">
        <v>2018</v>
      </c>
      <c r="B486" s="1" t="s">
        <v>2019</v>
      </c>
      <c r="C486" s="1" t="s">
        <v>2020</v>
      </c>
      <c r="D486" s="1" t="s">
        <v>35</v>
      </c>
      <c r="E486" s="1" t="s">
        <v>2021</v>
      </c>
      <c r="F486" s="1" t="s">
        <v>21</v>
      </c>
      <c r="G486" s="1" t="s">
        <v>627</v>
      </c>
      <c r="H486" s="1"/>
      <c r="I486" s="1" t="s">
        <v>25</v>
      </c>
      <c r="J486" s="1" t="s">
        <v>24</v>
      </c>
      <c r="K486" s="1" t="s">
        <v>25</v>
      </c>
      <c r="L486" s="1" t="s">
        <v>25</v>
      </c>
      <c r="M486" s="1" t="s">
        <v>24</v>
      </c>
      <c r="N486" s="1" t="s">
        <v>24</v>
      </c>
      <c r="O486" s="1">
        <v>34.672158779999997</v>
      </c>
      <c r="P486" s="1">
        <v>131.82404149999999</v>
      </c>
    </row>
    <row r="487" spans="1:16" ht="20.100000000000001" customHeight="1" x14ac:dyDescent="0.4">
      <c r="A487" s="1" t="s">
        <v>2022</v>
      </c>
      <c r="B487" s="1" t="s">
        <v>2023</v>
      </c>
      <c r="C487" s="1" t="s">
        <v>2024</v>
      </c>
      <c r="D487" s="1" t="s">
        <v>19</v>
      </c>
      <c r="E487" s="1" t="s">
        <v>2025</v>
      </c>
      <c r="F487" s="1" t="s">
        <v>21</v>
      </c>
      <c r="G487" s="1" t="s">
        <v>627</v>
      </c>
      <c r="H487" s="1"/>
      <c r="I487" s="1" t="s">
        <v>25</v>
      </c>
      <c r="J487" s="1" t="s">
        <v>24</v>
      </c>
      <c r="K487" s="1" t="s">
        <v>25</v>
      </c>
      <c r="L487" s="1" t="s">
        <v>25</v>
      </c>
      <c r="M487" s="1" t="s">
        <v>24</v>
      </c>
      <c r="N487" s="1" t="s">
        <v>24</v>
      </c>
      <c r="O487" s="1">
        <v>35.383612210000003</v>
      </c>
      <c r="P487" s="1">
        <v>132.76903139999999</v>
      </c>
    </row>
    <row r="488" spans="1:16" ht="20.100000000000001" customHeight="1" x14ac:dyDescent="0.4">
      <c r="A488" s="1" t="s">
        <v>2026</v>
      </c>
      <c r="B488" s="1" t="s">
        <v>184</v>
      </c>
      <c r="C488" s="1" t="s">
        <v>2027</v>
      </c>
      <c r="D488" s="1" t="s">
        <v>53</v>
      </c>
      <c r="E488" s="1" t="s">
        <v>2028</v>
      </c>
      <c r="F488" s="1" t="s">
        <v>21</v>
      </c>
      <c r="G488" s="1" t="s">
        <v>627</v>
      </c>
      <c r="H488" s="1"/>
      <c r="I488" s="1" t="s">
        <v>25</v>
      </c>
      <c r="J488" s="1" t="s">
        <v>24</v>
      </c>
      <c r="K488" s="1" t="s">
        <v>25</v>
      </c>
      <c r="L488" s="1" t="s">
        <v>25</v>
      </c>
      <c r="M488" s="1" t="s">
        <v>24</v>
      </c>
      <c r="N488" s="1" t="s">
        <v>24</v>
      </c>
      <c r="O488" s="1">
        <v>35.472412830000003</v>
      </c>
      <c r="P488" s="1">
        <v>133.06347249999999</v>
      </c>
    </row>
    <row r="489" spans="1:16" ht="20.100000000000001" customHeight="1" x14ac:dyDescent="0.4">
      <c r="A489" s="1" t="s">
        <v>2029</v>
      </c>
      <c r="B489" s="1" t="s">
        <v>2030</v>
      </c>
      <c r="C489" s="1" t="s">
        <v>2031</v>
      </c>
      <c r="D489" s="1" t="s">
        <v>53</v>
      </c>
      <c r="E489" s="1" t="s">
        <v>2032</v>
      </c>
      <c r="F489" s="1" t="s">
        <v>21</v>
      </c>
      <c r="G489" s="1" t="s">
        <v>627</v>
      </c>
      <c r="H489" s="1"/>
      <c r="I489" s="1" t="s">
        <v>25</v>
      </c>
      <c r="J489" s="1" t="s">
        <v>24</v>
      </c>
      <c r="K489" s="1" t="s">
        <v>25</v>
      </c>
      <c r="L489" s="1" t="s">
        <v>25</v>
      </c>
      <c r="M489" s="1" t="s">
        <v>24</v>
      </c>
      <c r="N489" s="1" t="s">
        <v>24</v>
      </c>
      <c r="O489" s="1">
        <v>35.432974170000001</v>
      </c>
      <c r="P489" s="1">
        <v>133.12788620000001</v>
      </c>
    </row>
    <row r="490" spans="1:16" ht="20.100000000000001" customHeight="1" x14ac:dyDescent="0.4">
      <c r="A490" s="1" t="s">
        <v>2033</v>
      </c>
      <c r="B490" s="1" t="s">
        <v>77</v>
      </c>
      <c r="C490" s="1" t="s">
        <v>2034</v>
      </c>
      <c r="D490" s="1" t="s">
        <v>19</v>
      </c>
      <c r="E490" s="1" t="s">
        <v>2035</v>
      </c>
      <c r="F490" s="1" t="s">
        <v>21</v>
      </c>
      <c r="G490" s="1" t="s">
        <v>627</v>
      </c>
      <c r="H490" s="1"/>
      <c r="I490" s="1" t="s">
        <v>25</v>
      </c>
      <c r="J490" s="1" t="s">
        <v>24</v>
      </c>
      <c r="K490" s="1" t="s">
        <v>25</v>
      </c>
      <c r="L490" s="1" t="s">
        <v>25</v>
      </c>
      <c r="M490" s="1" t="s">
        <v>24</v>
      </c>
      <c r="N490" s="1" t="s">
        <v>24</v>
      </c>
      <c r="O490" s="1">
        <v>35.37603524</v>
      </c>
      <c r="P490" s="1">
        <v>132.7425696</v>
      </c>
    </row>
    <row r="491" spans="1:16" ht="20.100000000000001" customHeight="1" x14ac:dyDescent="0.4">
      <c r="A491" s="1" t="s">
        <v>2036</v>
      </c>
      <c r="B491" s="1" t="s">
        <v>2037</v>
      </c>
      <c r="C491" s="1" t="s">
        <v>2038</v>
      </c>
      <c r="D491" s="1" t="s">
        <v>29</v>
      </c>
      <c r="E491" s="1" t="s">
        <v>2039</v>
      </c>
      <c r="F491" s="1" t="s">
        <v>21</v>
      </c>
      <c r="G491" s="1" t="s">
        <v>627</v>
      </c>
      <c r="H491" s="1"/>
      <c r="I491" s="1" t="s">
        <v>25</v>
      </c>
      <c r="J491" s="1" t="s">
        <v>24</v>
      </c>
      <c r="K491" s="1" t="s">
        <v>25</v>
      </c>
      <c r="L491" s="1" t="s">
        <v>25</v>
      </c>
      <c r="M491" s="1" t="s">
        <v>24</v>
      </c>
      <c r="N491" s="1" t="s">
        <v>24</v>
      </c>
      <c r="O491" s="1">
        <v>34.900655540000002</v>
      </c>
      <c r="P491" s="1">
        <v>132.0870309</v>
      </c>
    </row>
    <row r="492" spans="1:16" ht="20.100000000000001" customHeight="1" x14ac:dyDescent="0.4">
      <c r="A492" s="1" t="s">
        <v>2040</v>
      </c>
      <c r="B492" s="1" t="s">
        <v>2041</v>
      </c>
      <c r="C492" s="1" t="s">
        <v>2042</v>
      </c>
      <c r="D492" s="1" t="s">
        <v>53</v>
      </c>
      <c r="E492" s="1" t="s">
        <v>2043</v>
      </c>
      <c r="F492" s="1" t="s">
        <v>21</v>
      </c>
      <c r="G492" s="1" t="s">
        <v>627</v>
      </c>
      <c r="H492" s="1"/>
      <c r="I492" s="1" t="s">
        <v>25</v>
      </c>
      <c r="J492" s="1" t="s">
        <v>24</v>
      </c>
      <c r="K492" s="1" t="s">
        <v>25</v>
      </c>
      <c r="L492" s="1" t="s">
        <v>25</v>
      </c>
      <c r="M492" s="1" t="s">
        <v>24</v>
      </c>
      <c r="N492" s="1" t="s">
        <v>24</v>
      </c>
      <c r="O492" s="1">
        <v>35.459174990000001</v>
      </c>
      <c r="P492" s="1">
        <v>133.06111150000001</v>
      </c>
    </row>
    <row r="493" spans="1:16" ht="20.100000000000001" customHeight="1" x14ac:dyDescent="0.4">
      <c r="A493" s="1" t="s">
        <v>2044</v>
      </c>
      <c r="B493" s="1" t="s">
        <v>529</v>
      </c>
      <c r="C493" s="1" t="s">
        <v>2045</v>
      </c>
      <c r="D493" s="1" t="s">
        <v>19</v>
      </c>
      <c r="E493" s="1" t="s">
        <v>2046</v>
      </c>
      <c r="F493" s="1" t="s">
        <v>21</v>
      </c>
      <c r="G493" s="1"/>
      <c r="H493" s="1"/>
      <c r="I493" s="1" t="s">
        <v>25</v>
      </c>
      <c r="J493" s="1" t="s">
        <v>25</v>
      </c>
      <c r="K493" s="1" t="s">
        <v>25</v>
      </c>
      <c r="L493" s="1" t="s">
        <v>24</v>
      </c>
      <c r="M493" s="1" t="s">
        <v>24</v>
      </c>
      <c r="N493" s="1" t="s">
        <v>24</v>
      </c>
      <c r="O493" s="1">
        <v>35.396905500000003</v>
      </c>
      <c r="P493" s="1">
        <v>132.68570579999999</v>
      </c>
    </row>
    <row r="494" spans="1:16" ht="20.100000000000001" customHeight="1" x14ac:dyDescent="0.4">
      <c r="A494" s="1" t="s">
        <v>2047</v>
      </c>
      <c r="B494" s="1" t="s">
        <v>640</v>
      </c>
      <c r="C494" s="1" t="s">
        <v>1996</v>
      </c>
      <c r="D494" s="1" t="s">
        <v>19</v>
      </c>
      <c r="E494" s="1" t="s">
        <v>2048</v>
      </c>
      <c r="F494" s="1" t="s">
        <v>21</v>
      </c>
      <c r="G494" s="1"/>
      <c r="H494" s="1"/>
      <c r="I494" s="1" t="s">
        <v>25</v>
      </c>
      <c r="J494" s="1" t="s">
        <v>25</v>
      </c>
      <c r="K494" s="1" t="s">
        <v>24</v>
      </c>
      <c r="L494" s="1" t="s">
        <v>25</v>
      </c>
      <c r="M494" s="1" t="s">
        <v>24</v>
      </c>
      <c r="N494" s="1" t="s">
        <v>24</v>
      </c>
      <c r="O494" s="1">
        <v>35.347519926593201</v>
      </c>
      <c r="P494" s="1">
        <v>132.75285396382299</v>
      </c>
    </row>
  </sheetData>
  <phoneticPr fontId="18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akachan_2019040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松田　敦</dc:creator>
  <cp:lastModifiedBy>Windows ユーザー</cp:lastModifiedBy>
  <dcterms:created xsi:type="dcterms:W3CDTF">2019-08-20T23:52:58Z</dcterms:created>
  <dcterms:modified xsi:type="dcterms:W3CDTF">2019-08-22T02:03:40Z</dcterms:modified>
</cp:coreProperties>
</file>